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bookmarkStart w:id="0" w:name="_GoBack"/>
      <w:bookmarkEnd w:id="0"/>
      <w:r w:rsidRPr="000708CC">
        <w:rPr>
          <w:rFonts w:ascii="Courier New" w:hAnsi="Courier New" w:cs="Courier New"/>
        </w:rPr>
        <w:t>{\rtf1\ansi\ansicpg1252\uc1 \deff0\deflang1033\deflangfe1033{\fonttbl{\f0\froman\fcharset0\fprq2{\*\panose 02020603050405020304}Times New Roman;}{\f1\fswiss\fcharset0\fprq2{\*\panose 020b0604020202020204}Arial;}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{\f2\fmodern\fcharset0\fprq1{\*\panose 0207</w:t>
      </w:r>
      <w:r w:rsidRPr="000708CC">
        <w:rPr>
          <w:rFonts w:ascii="Courier New" w:hAnsi="Courier New" w:cs="Courier New"/>
        </w:rPr>
        <w:t>0309020205020404}Courier New;}{\f3\froman\fcharset2\fprq2{\*\panose 05050102010706020507}Symbol;}{\f14\fnil\fcharset2\fprq2{\*\panose 05000000000000000000}Wingdings;}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 xml:space="preserve">{\f60\froman\fcharset238\fprq2 Times New Roman CE;}{\f61\froman\fcharset204\fprq2 Times </w:t>
      </w:r>
      <w:r w:rsidRPr="000708CC">
        <w:rPr>
          <w:rFonts w:ascii="Courier New" w:hAnsi="Courier New" w:cs="Courier New"/>
        </w:rPr>
        <w:t>New Roman Cyr;}{\f63\froman\fcharset161\fprq2 Times New Roman Greek;}{\f64\froman\fcharset162\fprq2 Times New Roman Tur;}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 xml:space="preserve">{\f67\froman\fcharset186\fprq2 Times New Roman Baltic;}{\f68\fswiss\fcharset238\fprq2 Arial CE;}{\f69\fswiss\fcharset204\fprq2 Arial </w:t>
      </w:r>
      <w:r w:rsidRPr="000708CC">
        <w:rPr>
          <w:rFonts w:ascii="Courier New" w:hAnsi="Courier New" w:cs="Courier New"/>
        </w:rPr>
        <w:t>Cyr;}{\f71\fswiss\fcharset161\fprq2 Arial Greek;}{\f72\fswiss\fcharset162\fprq2 Arial Tur;}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{\f75\fswiss\fcharset186\fprq2 Arial Baltic;}{\f76\fmodern\fcharset238\fprq1 Courier New CE;}{\f77\fmodern\fcharset204\fprq1 Courier New Cyr;}{\f79\fmodern\fcharse</w:t>
      </w:r>
      <w:r w:rsidRPr="000708CC">
        <w:rPr>
          <w:rFonts w:ascii="Courier New" w:hAnsi="Courier New" w:cs="Courier New"/>
        </w:rPr>
        <w:t>t161\fprq1 Courier New Greek;}{\f80\fmodern\fcharset162\fprq1 Courier New Tur;}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{\f83\fmodern\fcharset186\fprq1 Courier New Baltic;}}{\colortbl;\red0\green0\blue0;\red0\green0\blue255;\red0\green255\blue255;\red0\green255\blue0;\red255\green0\blue255;\red</w:t>
      </w:r>
      <w:r w:rsidRPr="000708CC">
        <w:rPr>
          <w:rFonts w:ascii="Courier New" w:hAnsi="Courier New" w:cs="Courier New"/>
        </w:rPr>
        <w:t>255\green0\blue0;\red255\green255\blue0;\red255\green255\blue255;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red0\green0\blue128;\red0\green128\blue128;\red0\green128\blue0;\red128\green0\blue128;\red128\green0\blue0;\red128\green128\blue0;\red128\green128\blue128;\red192\green192\blue192;}{\styl</w:t>
      </w:r>
      <w:r w:rsidRPr="000708CC">
        <w:rPr>
          <w:rFonts w:ascii="Courier New" w:hAnsi="Courier New" w:cs="Courier New"/>
        </w:rPr>
        <w:t>esheet{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ql \li0\ri0\widctlpar\aspalpha\aspnum\faauto\adjustright\rin0\lin0\itap0 \fs24\lang2057\langfe1033\cgrid\langnp2057\langfenp1033 \snext0 Normal;}{\*\cs10 \additive Default Paragraph Font;}{\s15\ql \li0\ri0\widctlpar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tqc\tx4153\tqr\tx8306\faauto</w:t>
      </w:r>
      <w:r w:rsidRPr="000708CC">
        <w:rPr>
          <w:rFonts w:ascii="Courier New" w:hAnsi="Courier New" w:cs="Courier New"/>
        </w:rPr>
        <w:t xml:space="preserve">\adjustright\rin0\lin0\itap0 \fs20\lang2057\langfe1033\cgrid\langnp2057\langfenp1033 \sbasedon0 \snext15 footer;}{\s16\ql \li0\ri0\widctlpar\faauto\outlinelevel0\adjustright\rin0\lin0\itap0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f1\fs24\lang2057\langfe1033\cgrid\langnp2057\langfenp1033 \sbas</w:t>
      </w:r>
      <w:r w:rsidRPr="000708CC">
        <w:rPr>
          <w:rFonts w:ascii="Courier New" w:hAnsi="Courier New" w:cs="Courier New"/>
        </w:rPr>
        <w:t xml:space="preserve">edon0 \snext16 Body Text 2;}{\*\cs17 \additive \ul\cf2 \sbasedon10 Hyperlink;}{\s18\ql \li0\ri0\widctlpar\tqc\tx4153\tqr\tx8306\aspalpha\aspnum\faauto\adjustright\rin0\lin0\itap0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fs24\lang2057\langfe1033\cgrid\langnp2057\langfenp1033 \sbasedon0 \snext18</w:t>
      </w:r>
      <w:r w:rsidRPr="000708CC">
        <w:rPr>
          <w:rFonts w:ascii="Courier New" w:hAnsi="Courier New" w:cs="Courier New"/>
        </w:rPr>
        <w:t xml:space="preserve"> header;}}{\*\listtable{\list\listtemplateid-1886478254\listhybrid{\listlevel\levelnfc23\levelnfcn23\leveljc0\leveljcn0\levelfollow0\levelstartat1\levelspace360\levelindent0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{\leveltext\leveltemplateid67698689\'01\u-3913 ?;}{\levelnumbers;}\f3\chbrdr\brdr</w:t>
      </w:r>
      <w:r w:rsidRPr="000708CC">
        <w:rPr>
          <w:rFonts w:ascii="Courier New" w:hAnsi="Courier New" w:cs="Courier New"/>
        </w:rPr>
        <w:t>none\brdrcf1 \chshdng0\chcfpat1\chcbpat1\fbias0 \fi-360\li1080\jclisttab\tx1080 }{\listlevel\levelnfc23\levelnfcn23\leveljc0\leveljcn0\levelfollow0\levelstartat1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levelspace360\levelindent0{\leveltext\leveltemplateid67698691\'01o;}{\levelnumbers;}\f2\chbr</w:t>
      </w:r>
      <w:r w:rsidRPr="000708CC">
        <w:rPr>
          <w:rFonts w:ascii="Courier New" w:hAnsi="Courier New" w:cs="Courier New"/>
        </w:rPr>
        <w:t>dr\brdrnone\brdrcf1 \chshdng0\chcfpat1\chcbpat1\fbias0 \fi-360\li1800\jclisttab\tx1800 }{\listlevel\levelnfc23\levelnfcn23\leveljc0\leveljcn0\levelfollow0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levelstartat1\levelspace360\levelindent0{\leveltext\leveltemplateid67698693\'01\u-3929 ?;}{\levelnu</w:t>
      </w:r>
      <w:r w:rsidRPr="000708CC">
        <w:rPr>
          <w:rFonts w:ascii="Courier New" w:hAnsi="Courier New" w:cs="Courier New"/>
        </w:rPr>
        <w:t xml:space="preserve">mbers;}\f14\chbrdr\brdrnone\brdrcf1 </w:t>
      </w:r>
      <w:r w:rsidRPr="000708CC">
        <w:rPr>
          <w:rFonts w:ascii="Courier New" w:hAnsi="Courier New" w:cs="Courier New"/>
        </w:rPr>
        <w:lastRenderedPageBreak/>
        <w:t>\chshdng0\chcfpat1\chcbpat1\fbias0 \fi-360\li2520\jclisttab\tx2520 }{\listlevel\levelnfc23\levelnfcn23\leveljc0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leveljcn0\levelfollow0\levelstartat1\levelspace360\levelindent0{\leveltext\leveltemplateid67698689\'01\u-3</w:t>
      </w:r>
      <w:r w:rsidRPr="000708CC">
        <w:rPr>
          <w:rFonts w:ascii="Courier New" w:hAnsi="Courier New" w:cs="Courier New"/>
        </w:rPr>
        <w:t>913 ?;}{\levelnumbers;}\f3\chbrdr\brdrnone\brdrcf1 \chshdng0\chcfpat1\chcbpat1\fbias0 \fi-360\li3240\jclisttab\tx3240 }{\listlevel\levelnfc23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levelnfcn23\leveljc0\leveljcn0\levelfollow0\levelstartat1\levelspace360\levelindent0{\leveltext\leveltemplateid6</w:t>
      </w:r>
      <w:r w:rsidRPr="000708CC">
        <w:rPr>
          <w:rFonts w:ascii="Courier New" w:hAnsi="Courier New" w:cs="Courier New"/>
        </w:rPr>
        <w:t>7698691\'01o;}{\levelnumbers;}\f2\chbrdr\brdrnone\brdrcf1 \chshdng0\chcfpat1\chcbpat1\fbias0 \fi-360\li3960\jclisttab\tx3960 }{\listlevel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levelnfc23\levelnfcn23\leveljc0\leveljcn0\levelfollow0\levelstartat1\levelspace360\levelindent0{\leveltext\leveltemp</w:t>
      </w:r>
      <w:r w:rsidRPr="000708CC">
        <w:rPr>
          <w:rFonts w:ascii="Courier New" w:hAnsi="Courier New" w:cs="Courier New"/>
        </w:rPr>
        <w:t>lateid67698693\'01\u-3929 ?;}{\levelnumbers;}\f14\chbrdr\brdrnone\brdrcf1 \chshdng0\chcfpat1\chcbpat1\fbias0 \fi-360\li4680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jclisttab\tx4680 }{\listlevel\levelnfc23\levelnfcn23\leveljc0\leveljcn0\levelfollow0\levelstartat1\levelspace360\levelindent0{\lev</w:t>
      </w:r>
      <w:r w:rsidRPr="000708CC">
        <w:rPr>
          <w:rFonts w:ascii="Courier New" w:hAnsi="Courier New" w:cs="Courier New"/>
        </w:rPr>
        <w:t xml:space="preserve">eltext\leveltemplateid67698689\'01\u-3913 ?;}{\levelnumbers;}\f3\chbrdr\brdrnone\brdrcf1 \chshdng0\chcfpat1\chcbpat1\fbias0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fi-360\li5400\jclisttab\tx5400 }{\listlevel\levelnfc23\levelnfcn23\leveljc0\leveljcn0\levelfollow0\levelstartat1\levelspace360\le</w:t>
      </w:r>
      <w:r w:rsidRPr="000708CC">
        <w:rPr>
          <w:rFonts w:ascii="Courier New" w:hAnsi="Courier New" w:cs="Courier New"/>
        </w:rPr>
        <w:t xml:space="preserve">velindent0{\leveltext\leveltemplateid67698691\'01o;}{\levelnumbers;}\f2\chbrdr\brdrnone\brdrcf1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chshdng0\chcfpat1\chcbpat1\fbias0 \fi-360\li6120\jclisttab\tx6120 }{\listlevel\levelnfc23\levelnfcn23\leveljc0\leveljcn0\levelfollow0\levelstartat1\levelspac</w:t>
      </w:r>
      <w:r w:rsidRPr="000708CC">
        <w:rPr>
          <w:rFonts w:ascii="Courier New" w:hAnsi="Courier New" w:cs="Courier New"/>
        </w:rPr>
        <w:t>e360\levelindent0{\leveltext\leveltemplateid67698693\'01\u-3929 ?;}{\levelnumbers;}\f14\chbrdr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brdrnone\brdrcf1 \chshdng0\chcfpat1\chcbpat1\fbias0 \fi-360\li6840\jclisttab\tx6840 }{\listname ;}\listid530387526}}{\*\listoverridetable{\listoverride\listid5</w:t>
      </w:r>
      <w:r w:rsidRPr="000708CC">
        <w:rPr>
          <w:rFonts w:ascii="Courier New" w:hAnsi="Courier New" w:cs="Courier New"/>
        </w:rPr>
        <w:t>30387526\listoverridecount0\ls1}}{\info{\title  }{\author tashraf}{\operator mace}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{\creatim\yr2003\mo11\dy18\hr8\min15}{\revtim\yr2003\mo11\dy18\hr8\min15}{\printim\yr2003\mo11\dy17\hr17\min16}{\version2}{\edmins1}{\nofpages1}{\nofwords179}{\nofchars1025</w:t>
      </w:r>
      <w:r w:rsidRPr="000708CC">
        <w:rPr>
          <w:rFonts w:ascii="Courier New" w:hAnsi="Courier New" w:cs="Courier New"/>
        </w:rPr>
        <w:t>}{\*\company London Stock Exchange}{\nofcharsws1258}{\vern8269}}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perw11909\paperh16834\margt1170 \widowctrl\ftnbj\aenddoc\noxlattoyen\expshrtn\noultrlspc\dntblnsbdb\nospaceforul\formshade\horzdoc\dgmargin\dghspace180\dgvspace180\dghorigin1800\dgvorigin</w:t>
      </w:r>
      <w:r w:rsidRPr="000708CC">
        <w:rPr>
          <w:rFonts w:ascii="Courier New" w:hAnsi="Courier New" w:cs="Courier New"/>
        </w:rPr>
        <w:t>1170\dghshow1\dgvshow1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jexpand\viewkind1\viewscale100\pgbrdrhead\pgbrdrfoot\nolnhtadjtbl \fet0\sectd \psz9\linex0\headery706\footery706\colsx709\endnhere\sectdefaultcl {\footer \pard\plain \s15\qc \li0\ri0\widctlpar\tqc\tx4153\tqr\tx8306\faauto\adjustrig</w:t>
      </w:r>
      <w:r w:rsidRPr="000708CC">
        <w:rPr>
          <w:rFonts w:ascii="Courier New" w:hAnsi="Courier New" w:cs="Courier New"/>
        </w:rPr>
        <w:t xml:space="preserve">ht\rin0\lin0\itap0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fs20\lang2057\langfe1033\cgrid\langnp2057\langfenp1033 {\b\f1 CDS 17/03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}{\fs16 London Stock Exchange plc Registered in England &amp; Wales No 2075721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}}{\*\pnseclvl1\pnucrm\pnstart1\pnindent720\pnhang{\pntxta .}}{\*\pnseclvl2</w:t>
      </w:r>
      <w:r w:rsidRPr="000708CC">
        <w:rPr>
          <w:rFonts w:ascii="Courier New" w:hAnsi="Courier New" w:cs="Courier New"/>
        </w:rPr>
        <w:t>\pnucltr\pnstart1\pnindent720\pnhang{\pntxta .}}{\*\pnseclvl3\pndec\pnstart1\pnindent720\pnhang{\pntxta .}}{\*\pnseclvl4\pnlcltr\pnstart1\pnindent720\pnhang{\pntxta )}}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{\*\pnseclvl5\pndec\pnstart1\pnindent720\pnhang{\pntxtb (}{\pntxta )}}{\*\pnseclvl6\pn</w:t>
      </w:r>
      <w:r w:rsidRPr="000708CC">
        <w:rPr>
          <w:rFonts w:ascii="Courier New" w:hAnsi="Courier New" w:cs="Courier New"/>
        </w:rPr>
        <w:t>lcltr\pnstart1\pnindent720\pnhang{\pntxtb (}{\pntxta )}}{\*\pnseclvl7\pnlcrm\pnstart1\pnindent720\pnhang{\pntxtb (}{\pntxta )}}{\*\pnseclvl8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lastRenderedPageBreak/>
        <w:t>\pnlcltr\pnstart1\pnindent720\pnhang{\pntxtb (}{\pntxta )}}{\*\pnseclvl9\pnlcrm\pnstart1\pnindent720\pnhang{\pntxt</w:t>
      </w:r>
      <w:r w:rsidRPr="000708CC">
        <w:rPr>
          <w:rFonts w:ascii="Courier New" w:hAnsi="Courier New" w:cs="Courier New"/>
        </w:rPr>
        <w:t xml:space="preserve">b (}{\pntxta )}}\pard\plain \ql \li0\ri0\widctlpar\aspalpha\aspnum\faauto\adjustright\rin0\lin0\itap0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 xml:space="preserve">\fs24\lang2057\langfe1033\cgrid\langnp2057\langfenp1033 {\lang1024\langfe1024\noproof\langnp1033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{\shp{\*\shpinst\shpleft6787\shptop1296\shpright11088</w:t>
      </w:r>
      <w:r w:rsidRPr="000708CC">
        <w:rPr>
          <w:rFonts w:ascii="Courier New" w:hAnsi="Courier New" w:cs="Courier New"/>
        </w:rPr>
        <w:t>\shpbottom1872\shpfhdr0\shpbxpage\shpbxignore\shpbypage\shpbyignore\shpwr3\shpwrk0\shpfblwtxt0\shpz0\shplid1026{\sp{\sn shapeType}{\sv 1}}{\sp{\sn fFlipH}{\sv 0}}{\sp{\sn fFlipV}{\sv 0}}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{\sp{\sn lTxid}{\sv 65536}}{\sp{\sn dxTextLeft}{\sv 0}}{\sp{\sn dyTe</w:t>
      </w:r>
      <w:r w:rsidRPr="000708CC">
        <w:rPr>
          <w:rFonts w:ascii="Courier New" w:hAnsi="Courier New" w:cs="Courier New"/>
        </w:rPr>
        <w:t>xtTop}{\sv 0}}{\sp{\sn dxTextRight}{\sv 0}}{\sp{\sn dyTextBottom}{\sv 0}}{\sp{\sn hspNext}{\sv 1026}}{\sp{\sn fFilled}{\sv 0}}{\sp{\sn lineWidth}{\sv 0}}{\sp{\sn fLine}{\sv 0}}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{\sp{\sn fShadow}{\sv 0}}{\sp{\sn posrelh}{\sv 1}}{\sp{\sn posrelv}{\sv 1}}{\s</w:t>
      </w:r>
      <w:r w:rsidRPr="000708CC">
        <w:rPr>
          <w:rFonts w:ascii="Courier New" w:hAnsi="Courier New" w:cs="Courier New"/>
        </w:rPr>
        <w:t xml:space="preserve">p{\sn fLayoutInCell}{\sv 0}}{\sp{\sn fLayoutInCell}{\sv 0}}{\shptxt \pard\plain \ql \li0\ri0\widctlpar\aspalpha\aspnum\faauto\adjustright\rin0\lin0\itap0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fs24\lang2057\langfe1033\cgrid\langnp2057\langfenp1033 {\i\fs36 London}{\f1\fs36  }{\b\f1 STOCK EXC</w:t>
      </w:r>
      <w:r w:rsidRPr="000708CC">
        <w:rPr>
          <w:rFonts w:ascii="Courier New" w:hAnsi="Courier New" w:cs="Courier New"/>
        </w:rPr>
        <w:t xml:space="preserve">HANGE}{\f1\fs36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}}}{\shprslt{\*\do\dobxpage\dobypage\dodhgt8192\dptxbx\dptxlrtb{\dptxbxtext\pard\plain \ql \li0\ri0\widctlpar\aspalpha\aspnum\faauto\adjustright\rin0\lin0\itap0 \fs24\lang2057\langfe1033\cgrid\langnp2057\langfenp1033 {\i\fs36 London}</w:t>
      </w:r>
      <w:r w:rsidRPr="000708CC">
        <w:rPr>
          <w:rFonts w:ascii="Courier New" w:hAnsi="Courier New" w:cs="Courier New"/>
        </w:rPr>
        <w:t xml:space="preserve">{\f1\fs36  }{\b\f1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 xml:space="preserve">STOCK EXCHANGE}{\f1\fs36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}}\dpx6787\dpy1296\dpxsize4301\dpysize576\dpfillfgcr255\dpfillfgcg255\dpfillfgcb255\dpfillbgcr255\dpfillbgcg255\dpfillbgcb255\dpfillpat0\dplinehollow}}}}{\pard\plain \ql \li0\ri0\widctlpar\aspalpha\aspnu</w:t>
      </w:r>
      <w:r w:rsidRPr="000708CC">
        <w:rPr>
          <w:rFonts w:ascii="Courier New" w:hAnsi="Courier New" w:cs="Courier New"/>
        </w:rPr>
        <w:t xml:space="preserve">m\faauto\adjustright\rin0\lin0\itap0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f1\fs24\lang2057\langfe1033\cgrid\langnp2057\langfenp1033 {\object\objemb\objw2790\objh2490\objscalex55\objscaley55{\*\objclass PBrush}{\*\objdata 010500000200000007000000504272757368000000000000000000207e0000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424d1</w:t>
      </w:r>
      <w:r w:rsidRPr="00B555E4">
        <w:rPr>
          <w:rFonts w:ascii="Courier New" w:hAnsi="Courier New" w:cs="Courier New"/>
          <w:lang w:val="pt-BR"/>
        </w:rPr>
        <w:t>e7e0000000000003604000028000000ba000000a60000000100080000000000e8790000c40e0000c40e00000000000000000000000000000000bf0000bf000000bfbf00bf000000bf00bf00bfbf0000c0c0c000c0dcc000f0c8a400010101000202020003030300050505000606060007070700090909000a0a0a00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0b0b0b0</w:t>
      </w:r>
      <w:r w:rsidRPr="00B555E4">
        <w:rPr>
          <w:rFonts w:ascii="Courier New" w:hAnsi="Courier New" w:cs="Courier New"/>
          <w:lang w:val="pt-BR"/>
        </w:rPr>
        <w:t>00d0d0d000e0e0e000f0f0f0010101000121212001313130014141400151515001717170018181800191919001a1a1a001b1b1b001d1d1d001e1e1e001f1f1f0020202000212121002323230024242400252525002626260027272700282828002a2a2a0004040400080808000c0c0c0011111100161616001c1c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1c0022222</w:t>
      </w:r>
      <w:r w:rsidRPr="00B555E4">
        <w:rPr>
          <w:rFonts w:ascii="Courier New" w:hAnsi="Courier New" w:cs="Courier New"/>
          <w:lang w:val="pt-BR"/>
        </w:rPr>
        <w:t>200292929002b2b2b002c2c2c002d2d2d002e2e2e002f2f2f00303030003131310032323200333333003434340035353500363636003737370038383800393939003a3a3a003b3b3b003c3c3c003d3d3d003e3e3e003f3f3f004040400041414100424242004343430044444400454545004646460047474700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48484800494</w:t>
      </w:r>
      <w:r w:rsidRPr="00B555E4">
        <w:rPr>
          <w:rFonts w:ascii="Courier New" w:hAnsi="Courier New" w:cs="Courier New"/>
          <w:lang w:val="pt-BR"/>
        </w:rPr>
        <w:t>949004a4a4a004b4b4b004c4c4c004d4d4d004e4e4e004f4f4f00505050005151510052525200535353005454540055555500565656005757570058585800595959005a5a5a005b5b5b005c5c5c005d5d5d005e5e5e005f5f5f00606060006161610062626200636363006464640065656500666666006767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6700686868006</w:t>
      </w:r>
      <w:r w:rsidRPr="00B555E4">
        <w:rPr>
          <w:rFonts w:ascii="Courier New" w:hAnsi="Courier New" w:cs="Courier New"/>
          <w:lang w:val="pt-BR"/>
        </w:rPr>
        <w:t>a6a6a006b6b6b006c6c6c006d6d6d006e6e6e006f6f6f007070700071717100727272007373730074747400757575007676760078787800797979007a7a7a007b7b7b007c7c7c007d7d7d007e7e7e007f7f7f0081818100828282008383830084848400858585008787870088888800898989008a8a8a00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8b8b8b008c8c8c0</w:t>
      </w:r>
      <w:r w:rsidRPr="00B555E4">
        <w:rPr>
          <w:rFonts w:ascii="Courier New" w:hAnsi="Courier New" w:cs="Courier New"/>
          <w:lang w:val="pt-BR"/>
        </w:rPr>
        <w:t>08d8d8d008e8e8e008f8f8f009090900091919100929292009393930094949400959595009797970098989800999999009a9a9a009b9b9b009c9c9c009e9e9e009f9f9f00a0a0a000a1a1a100a2a2a200a3a3a300a5a5a500a6a6a600a7a7a700a8a8a800a9a9a900aaaaaa00ababab00acacac00adad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lastRenderedPageBreak/>
        <w:t>ad00aeaeae00afafa</w:t>
      </w:r>
      <w:r w:rsidRPr="00B555E4">
        <w:rPr>
          <w:rFonts w:ascii="Courier New" w:hAnsi="Courier New" w:cs="Courier New"/>
          <w:lang w:val="pt-BR"/>
        </w:rPr>
        <w:t>f00b0b0b000b1b1b100b3b3b300b4b4b400b5b5b500b6b6b600b7b7b700b8b8b800b9b9b900bababa00bbbbbb00bcbcbc00bdbdbd00bebebe00bfbfbf00c1c1c100c2c2c200c3c3c300c4c4c400c5c5c500696969007777770086868600969696009d9d9d00a4a4a400b2b2b200c6c6c600c7c7c700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c8c8c800c9c9c900cac</w:t>
      </w:r>
      <w:r w:rsidRPr="00B555E4">
        <w:rPr>
          <w:rFonts w:ascii="Courier New" w:hAnsi="Courier New" w:cs="Courier New"/>
          <w:lang w:val="pt-BR"/>
        </w:rPr>
        <w:t>aca00cbcbcb00cccccc00cdcdcd00cecece00cfcfcf00d0d0d000d1d1d100d2d2d200d3d3d300d4d4d400d5d5d500d6d6d600d7d7d700d8d8d800d9d9d900dadada00dbdbdb00dcdcdc00dddddd00dedede00dfdfdf00e0e0e000e1e1e100e2e2e200e3e3e300e4e4e400e5e5e500e6e6e600e7e7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e700e8e8e800e9e9e900e</w:t>
      </w:r>
      <w:r w:rsidRPr="00B555E4">
        <w:rPr>
          <w:rFonts w:ascii="Courier New" w:hAnsi="Courier New" w:cs="Courier New"/>
          <w:lang w:val="pt-BR"/>
        </w:rPr>
        <w:t>aeaea00ebebeb00ececec00ededed00eeeeee00f0fbff00a4a0a000808080000000ff0000ff000000ffff00ff000000ff00ff00ffff0000ffffff00ffffffffffffffffffffffffffffffffffffffffffffffffffffffffffffffffffffffffffffffffffffffffffffffffffffffffffffff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fffffffffffffffffffff</w:t>
      </w:r>
      <w:r w:rsidRPr="00B555E4">
        <w:rPr>
          <w:rFonts w:ascii="Courier New" w:hAnsi="Courier New" w:cs="Courier New"/>
          <w:lang w:val="pt-BR"/>
        </w:rPr>
        <w:t>fffffffffffffe6f84916000000000000000000000000000000000000164978b2ffffffffffffffffffffffffffffffffffffffffffffffffffffffffffffffffffffffffffffffffffffffffffffffffffffffffffffffffffffffffffffffffffffffffffffffffffffffffffffffffff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ffffff0000fffffffffffff</w:t>
      </w:r>
      <w:r w:rsidRPr="00B555E4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fffa24900000000000016494978f8f8f8f8f8f8784949390000000000001659e6ffffffffffffffffffffffffffffffff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fffffffffffffffffffffffff</w:t>
      </w:r>
      <w:r w:rsidRPr="00B555E4">
        <w:rPr>
          <w:rFonts w:ascii="Courier New" w:hAnsi="Courier New" w:cs="Courier New"/>
          <w:lang w:val="pt-BR"/>
        </w:rPr>
        <w:t>fffffffffffffffffffffffffffffffffffffffffffffffffffffffffffffffffffffffffffffffffffffffffffffffffffffffff0000ffffffffffffffffffffffffffffffffffffffffffffffffffffffffffffffffffffffffffffffffffffffffffffffffffffffffffffffffff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fffffffffffffffffffffff8160</w:t>
      </w:r>
      <w:r w:rsidRPr="00B555E4">
        <w:rPr>
          <w:rFonts w:ascii="Courier New" w:hAnsi="Courier New" w:cs="Courier New"/>
          <w:lang w:val="pt-BR"/>
        </w:rPr>
        <w:t>000004978a2c0fffffffffffffffffff5d7ffffffffffd7b2f8590000001694ffffffffffffffffffffffffffffffffffffffffffffffffffffffffffffffffffffffffffffffffffffffffffffffffffffffffffffffffffffffffffffffffffffffffffffffffffffffffffffff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ff0000fffffffffffffffffffffff</w:t>
      </w:r>
      <w:r w:rsidRPr="00B555E4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00001678e6ffffffe6f8b2d739000000c0d7160000a2ff7878e6fffffff5a2230000c0ffffffffffffffffffffffffffffffff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fffffffffffffffffffffffffffffff</w:t>
      </w:r>
      <w:r w:rsidRPr="00B555E4">
        <w:rPr>
          <w:rFonts w:ascii="Courier New" w:hAnsi="Courier New" w:cs="Courier New"/>
          <w:lang w:val="pt-BR"/>
        </w:rPr>
        <w:t>fffffffffffffffffffffffffffffffffffffffffffffffffffffffffffffffffffffffffffffffffffffffffffffff0000ffffffffffffffffffffffffffffffffffffffffffffffffffffffffffffffffffffffffffffffffffffffffffffffffffffffffffffffffffffff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ffffffffffffffffff0000c0ffa259fff</w:t>
      </w:r>
      <w:r w:rsidRPr="00B555E4">
        <w:rPr>
          <w:rFonts w:ascii="Courier New" w:hAnsi="Courier New" w:cs="Courier New"/>
          <w:lang w:val="pt-BR"/>
        </w:rPr>
        <w:t>5c000f8f50039c0c0e64900a25900fff800b2c0ff49a2ffff0000c0ffffffffffffffffffffffffffffffffffffffffffffffffffffffffffffffffffffffffffffffffffffffffffffffffffffffffffffffffffffffffffffffffffffffffffffffffffffffffffffffff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0000fffffffffffffffffffffffffffffffff</w:t>
      </w:r>
      <w:r w:rsidRPr="00B555E4">
        <w:rPr>
          <w:rFonts w:ascii="Courier New" w:hAnsi="Courier New" w:cs="Courier New"/>
          <w:lang w:val="pt-BR"/>
        </w:rPr>
        <w:t>fffffffffffffffffffffffffffffffffffffffffffffffffffffffffffffffffffffffffffffffffffffffd794f8694969f894ffff0000c0ff4900f800a200f8ff2349ffffff4923ffc000fff8009400b20049ffff0000c0ffb2f8f8494978f8b2e6ffffffffffffffff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fffffffffffffffffffffffffffffffffffff</w:t>
      </w:r>
      <w:r w:rsidRPr="00B555E4">
        <w:rPr>
          <w:rFonts w:ascii="Courier New" w:hAnsi="Courier New" w:cs="Courier New"/>
          <w:lang w:val="pt-BR"/>
        </w:rPr>
        <w:t>fffffffffffffffffffffffffffffffffffffffffffffffffffffffffffffffffffffffffffffffffffff0000ffffffffffffffffffffffffffffffffffffffffffffffffffffffff4994ffffe6d7ffffffffffffffffffffffffffffffffffffffffffffffb278230000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000000000000ffff0000c0fff84959009400c0ff4</w:t>
      </w:r>
      <w:r w:rsidRPr="00B555E4">
        <w:rPr>
          <w:rFonts w:ascii="Courier New" w:hAnsi="Courier New" w:cs="Courier New"/>
          <w:lang w:val="pt-BR"/>
        </w:rPr>
        <w:t>91639f8ff4949ffc000ffc000f800f80049ffff0000c0ff4900000000000000003978e6ffffffffffffffffffffffffffffffffffffffffffffffb2ffffb249d7ffffffffffffffffffffffffffffffffffffffffffffffffffffffffffffffffffffffffffffff0000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fffffffffffffffffffffffffffffffffffffffff</w:t>
      </w:r>
      <w:r w:rsidRPr="00B555E4">
        <w:rPr>
          <w:rFonts w:ascii="Courier New" w:hAnsi="Courier New" w:cs="Courier New"/>
          <w:lang w:val="pt-BR"/>
        </w:rPr>
        <w:t>fffffffffffffb20059ff9416c0ffa2ffffffffffffffffffffffffffffffffffe669000000000039497869390000ffff0000c0fff84923003900c0ff492378a2ff4949ffc000ffc0004900490078ffff0000c0ff49004969494949000000000049b2ffffffffff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ffffffffffffffffffffb2ffff5939ffa20049fffff</w:t>
      </w:r>
      <w:r w:rsidRPr="00B555E4">
        <w:rPr>
          <w:rFonts w:ascii="Courier New" w:hAnsi="Courier New" w:cs="Courier New"/>
          <w:lang w:val="pt-BR"/>
        </w:rPr>
        <w:t>fffffffffffffffffffffffffffffffffffffffffffffffffffffffffffffffffffffffffff0000ffffffffffffffffffffff</w:t>
      </w:r>
      <w:r w:rsidRPr="00B555E4">
        <w:rPr>
          <w:rFonts w:ascii="Courier New" w:hAnsi="Courier New" w:cs="Courier New"/>
          <w:lang w:val="pt-BR"/>
        </w:rPr>
        <w:lastRenderedPageBreak/>
        <w:t>ffffffffffffffffffffffffffffffffff940000c0690059ff23b2ffffffffffffffffffffffffffffe6690000000049a2f5ffff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c00000fff50000c0fff82300230000c0ff1649ffe6ff3</w:t>
      </w:r>
      <w:r w:rsidRPr="00B555E4">
        <w:rPr>
          <w:rFonts w:ascii="Courier New" w:hAnsi="Courier New" w:cs="Courier New"/>
          <w:lang w:val="pt-BR"/>
        </w:rPr>
        <w:t>900ffc000d7c00000390000f8ffff0000c0ff4900f8ffffffffffb2782300000023a2ffffffffffffffffffffffffffffff23c0b20000c0160023f5ffffffffffffffffffffffffffffffffffffffffffffffffffffffffffffffffffffffffffffff0000ff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fffffffffffffffffffffffffffffffffffffffffffffff</w:t>
      </w:r>
      <w:r w:rsidRPr="00B555E4">
        <w:rPr>
          <w:rFonts w:ascii="Courier New" w:hAnsi="Courier New" w:cs="Courier New"/>
          <w:lang w:val="pt-BR"/>
        </w:rPr>
        <w:t>55900000016000000690078ffffffffffffffffffffffffd7690000002394e6ffffff4916ffffc0000069000000c0fff80000780000b2f500164900ff0000ffb200c0b20000a2000049ffff000000392300f8ffff1649d7ffffffc04900000023a2ffffff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ffffffffffffffc000394900000000000016b2fffffffffff</w:t>
      </w:r>
      <w:r w:rsidRPr="00B555E4">
        <w:rPr>
          <w:rFonts w:ascii="Courier New" w:hAnsi="Courier New" w:cs="Courier New"/>
          <w:lang w:val="pt-BR"/>
        </w:rPr>
        <w:t>fffffffffffffffffffffffffffffffffffffffffffffffffffffffffffffffff0000fffffffffffffffffffffffffffffffffffffffffffffffffff5390000000000000000000049ffffffffffffffffffffc04900000023a2ffc069ffc0ff4949ffffc0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000000000000c0fff80000d7003994e6f8f8f8c0fff8f8ffc0f8c</w:t>
      </w:r>
      <w:r w:rsidRPr="00B555E4">
        <w:rPr>
          <w:rFonts w:ascii="Courier New" w:hAnsi="Courier New" w:cs="Courier New"/>
          <w:lang w:val="pt-BR"/>
        </w:rPr>
        <w:t>0f82300f5230049ffff000000000000f8ffff4900c0ffc069c0ffc04900000023a2ffffffffffffffffffff940000000000000000000000a2ffffffffffffffffffffffffffffffffffffffffffffffffffffffffffffffffffffffffff0000ffffff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ffffffffffffffffffffffffffffffffffffffff4900000000000</w:t>
      </w:r>
      <w:r w:rsidRPr="00B555E4">
        <w:rPr>
          <w:rFonts w:ascii="Courier New" w:hAnsi="Courier New" w:cs="Courier New"/>
          <w:lang w:val="pt-BR"/>
        </w:rPr>
        <w:t>0000000000049ffffffffffffffffc04900000023a2ffffff4900b200c04949ffffc0000000000000c0ff7869b2ffffffffffffffffffffffffffffffffffffffffd7f859ffff000000000000f8ffff6900fffff50049ffe6ffc0490000003994f5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fffffffffff8000000000000000000000000c0fffffffffffffffff</w:t>
      </w:r>
      <w:r w:rsidRPr="00B555E4">
        <w:rPr>
          <w:rFonts w:ascii="Courier New" w:hAnsi="Courier New" w:cs="Courier New"/>
          <w:lang w:val="pt-BR"/>
        </w:rPr>
        <w:t>fffffffffffffffffffffffffffffffffffffffffffffffffffffff0000ffffffffffffffffffffffffffffffffffffffffffffffff6900000000000000000000000069fffffffffff5a24900000023a2f5f8f8e6ff7800f800694949ffffc00000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00000000c0ffffffffc0b2f87849490000000000000016494969f8f8c0f</w:t>
      </w:r>
      <w:r w:rsidRPr="00B555E4">
        <w:rPr>
          <w:rFonts w:ascii="Courier New" w:hAnsi="Courier New" w:cs="Courier New"/>
          <w:lang w:val="pt-BR"/>
        </w:rPr>
        <w:t>fffffffff000000000000f8fffff8002394ff5939e66916b2ffe6690000000069c0ffffffffffb200000000000000000000000016d7ffffffffffffffffffffffffffffffffffffffffffffffffffffffffffffffffffffff0000ffffffffff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ffffffffd7c0c0c0c0b2c0d7fffffff5690000000000000000000000000</w:t>
      </w:r>
      <w:r w:rsidRPr="00B555E4">
        <w:rPr>
          <w:rFonts w:ascii="Courier New" w:hAnsi="Courier New" w:cs="Courier New"/>
          <w:lang w:val="pt-BR"/>
        </w:rPr>
        <w:t>0a2ffffffb2690000000023a2fff516000049fff8005900163949ffffc0000000000000c0e6a259160000000000000000000000000000000000000000005994d7ff000000000000f8fffff8005900f8a200001600f5f5c0e6e6690000000023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94e6fffff50000000000000000000000000016c0ffffffd7b2f8f8f8f8a2c0f</w:t>
      </w:r>
      <w:r w:rsidRPr="00B555E4">
        <w:rPr>
          <w:rFonts w:ascii="Courier New" w:hAnsi="Courier New" w:cs="Courier New"/>
          <w:lang w:val="pt-BR"/>
        </w:rPr>
        <w:t>5ffffffffffffffffffffffffffffffffffffffffffff0000ffffffffffffffffffffff4900000000000000003949390000000000000000000000000016946939000000000059c0ffffff9400a2a200fff8001649000049ffffc000000000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0000230000000000234969f8f8b2c0c0c0c0c0c0a2f8f87849160000000000160</w:t>
      </w:r>
      <w:r w:rsidRPr="00B555E4">
        <w:rPr>
          <w:rFonts w:ascii="Courier New" w:hAnsi="Courier New" w:cs="Courier New"/>
          <w:lang w:val="pt-BR"/>
        </w:rPr>
        <w:t>00000000000f8fffff800f50049d700490059f5390000a2fff5a239000000002369f83900000000000000000000000000004923000000000000000000c0ffffffffffffffffffffffffffffffffffffffffffff0000ffffffffffffff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ffff4900234949491600000000000000000000000000000000000000000000000</w:t>
      </w:r>
      <w:r w:rsidRPr="00B555E4">
        <w:rPr>
          <w:rFonts w:ascii="Courier New" w:hAnsi="Courier New" w:cs="Courier New"/>
          <w:lang w:val="pt-BR"/>
        </w:rPr>
        <w:t>04994e6ffa223e6fff800ffc000fff8000094390023ffffc000000000000000002369b2f5fffffffffffffffffffffffffffffffffffff5c094230000000000000000f8ffff7800f80049ff006900b2940069f8f8ffb2f5ffe6f82300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0000000000000000000000000000000000000000000016494949490000c0fffffffff</w:t>
      </w:r>
      <w:r w:rsidRPr="00B555E4">
        <w:rPr>
          <w:rFonts w:ascii="Courier New" w:hAnsi="Courier New" w:cs="Courier New"/>
          <w:lang w:val="pt-BR"/>
        </w:rPr>
        <w:t>fffffffffffffffffffffffffffffffffff0000ffffffffffffffffffffff4900f8ffffffffff490000000000000000000000000000000000164978b2f5fff5e6ff2300fffff800ffc000fff80000c0a259f8ffffc0000000000000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0000f8ffffffffffffffffffffffffffffffffffffffffffffffffc0000000000000000</w:t>
      </w:r>
      <w:r w:rsidRPr="00B555E4">
        <w:rPr>
          <w:rFonts w:ascii="Courier New" w:hAnsi="Courier New" w:cs="Courier New"/>
          <w:lang w:val="pt-BR"/>
        </w:rPr>
        <w:t>0f8fffff8492349d7ff390000f54900fffff5ff4916c0ffffffd7a2f849160000000000000000000000000000000000c0ffffffffff0000c0ffffffffffffffffffffffffffffffffffffffffffff0000ffffffffffffffffff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4900f8ffffffffffc00000000000000000000078f8f8f8c0c0f5fffffffff81600f8ff4</w:t>
      </w:r>
      <w:r w:rsidRPr="00B555E4">
        <w:rPr>
          <w:rFonts w:ascii="Courier New" w:hAnsi="Courier New" w:cs="Courier New"/>
          <w:lang w:val="pt-BR"/>
        </w:rPr>
        <w:t>900fffff800ffb200d7782378f5ffffffffffc00000000000000000f8ffffffffffffffffffffffffffffffffffffffffffffffffc00000000000000000f8ffffffffffffffff490039ff6923fffffffff800c0ffffd7a2e6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lastRenderedPageBreak/>
        <w:t>fffff5c0b2f8f8f84900000000000000000049ffffffffffff0000c0fffffffffffffffffff</w:t>
      </w:r>
      <w:r w:rsidRPr="00B555E4">
        <w:rPr>
          <w:rFonts w:ascii="Courier New" w:hAnsi="Courier New" w:cs="Courier New"/>
          <w:lang w:val="pt-BR"/>
        </w:rPr>
        <w:t>fffffffffffffffffffffffff0000ffffffffffffffffffffff4900f8ffffffffffff390000000000000039d7ffffffffffffd7f8a2ff780069a2d7ff5949ffff7800fff800d7d7ffffb26949494916000000000000000000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94fffffffffffffffffffffffff5ffffffffffffffffffffffc00000000000000000000000004</w:t>
      </w:r>
      <w:r w:rsidRPr="00B555E4">
        <w:rPr>
          <w:rFonts w:ascii="Courier New" w:hAnsi="Courier New" w:cs="Courier New"/>
          <w:lang w:val="pt-BR"/>
        </w:rPr>
        <w:t>959a2f5fff5a2f8fff800f5fffffff800e6ffb2000000d7ffe6d7ffffffffffff690000000000000000d7ffffffffffff0000c0ffffffffffffffffffffffffffffffffffffffffffff0000ffffffffffffffffffffff49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00f8fffffffffffff800000000000000d7e600000059d7ffc000f8ff2323fffffffff816ffd7490</w:t>
      </w:r>
      <w:r w:rsidRPr="00B555E4">
        <w:rPr>
          <w:rFonts w:ascii="Courier New" w:hAnsi="Courier New" w:cs="Courier New"/>
          <w:lang w:val="pt-BR"/>
        </w:rPr>
        <w:t>0e6c0e6f5a25916000000000000000000000000000016e6fffffffffffffffffff5f82316f8f5ffffffffffffffffffff390000000000000000000000000000005994e6ffffe60069f5f5fff800fffff800e65923ffa2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00b2ffff4900c0ff5900000000000016ffffffffffffff0000c0fffffffffffffffffffffffffffff</w:t>
      </w:r>
      <w:r w:rsidRPr="00B555E4">
        <w:rPr>
          <w:rFonts w:ascii="Courier New" w:hAnsi="Courier New" w:cs="Courier New"/>
          <w:lang w:val="pt-BR"/>
        </w:rPr>
        <w:t>fffffffffffffff0000ffffffffffffffffffffff4900f8ffffffffffffc000000000000049ffff3900781616f5ff00f8f50049fffffffff800a2492369f5f5f8160000000049784900000000000000000039d7ff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fffffffffff5f8160000000016f8f5fffffffffffffffff5690000000000000000002378490000000</w:t>
      </w:r>
      <w:r w:rsidRPr="00B555E4">
        <w:rPr>
          <w:rFonts w:ascii="Courier New" w:hAnsi="Courier New" w:cs="Courier New"/>
          <w:lang w:val="pt-BR"/>
        </w:rPr>
        <w:t>00069e6ffa2000094a2f800fffff800fff800ffc000b249a2f800c0ffb200000000000059ffffffffffffff0000c0ffffffffffffffffffffffffffffffffffffffffffff0000ffffffffffffffffffffff4900f8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fffffffffff5000000000000f8ffff7800ff7800a2ff00f8d70059fffff5ff780000f8e6f5f81600000</w:t>
      </w:r>
      <w:r w:rsidRPr="00B555E4">
        <w:rPr>
          <w:rFonts w:ascii="Courier New" w:hAnsi="Courier New" w:cs="Courier New"/>
          <w:lang w:val="pt-BR"/>
        </w:rPr>
        <w:t>059a2f5ffff940000000000000016f8ffffffffffffffffff9416000000000000000016f8ffffffffffffffffffb2390000000000000069ffffffc0691600000069d7e6f894003900fffff800fff800ffc00078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0039f800c0ffff000000000000f8ffffffffffffff0000c0fffffffffffffffffffffffffffffffffffffff</w:t>
      </w:r>
      <w:r w:rsidRPr="00B555E4">
        <w:rPr>
          <w:rFonts w:ascii="Courier New" w:hAnsi="Courier New" w:cs="Courier New"/>
          <w:lang w:val="pt-BR"/>
        </w:rPr>
        <w:t>fffff0000ffffffffffffffffffffff4900f8ffffffffffffff000000000000f8fffff800ffc00059ff00f8ff2323f5d769000069e6f5f81600000069e6fffffffffff5694916003949a2f5ffffffffffff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e64900000000000000000000000039d7ffffffffffffffffffc0f84923234978e6fffffffffff5942300000</w:t>
      </w:r>
      <w:r w:rsidRPr="00B555E4">
        <w:rPr>
          <w:rFonts w:ascii="Courier New" w:hAnsi="Courier New" w:cs="Courier New"/>
          <w:lang w:val="pt-BR"/>
        </w:rPr>
        <w:t>049c0f59423007894f800ff9400ffe600490000f800c0ffff000000000000f8ffffffffffffff0000c0ffffffffffffffffffffffffffffffffffffffffffff0000ffffffffffffffffffffff4900f8ff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ffffffff000000000000c0fffff800ffc00069ff00f8fff8002300a278e6e6f81600000069e6fffffffffffff</w:t>
      </w:r>
      <w:r w:rsidRPr="00B555E4">
        <w:rPr>
          <w:rFonts w:ascii="Courier New" w:hAnsi="Courier New" w:cs="Courier New"/>
          <w:lang w:val="pt-BR"/>
        </w:rPr>
        <w:t>fffffffffffffffffffffffffffffffffb216000000000000000000000000000000f8ffffffffffffffffffffffffffffffffffffffffffffffffa22300000049c0ffa249597800ffc000ffc000002300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2300c0ffff000000000000f8ffffffffffffff0000e6ffffffffffffffffffffffffffffffffffffffffffff0000f</w:t>
      </w:r>
      <w:r w:rsidRPr="00B555E4">
        <w:rPr>
          <w:rFonts w:ascii="Courier New" w:hAnsi="Courier New" w:cs="Courier New"/>
          <w:lang w:val="pt-BR"/>
        </w:rPr>
        <w:t>fffffffffffffffffffff4900f8ffffffffffffc0000000000000c0ffff7800ff780094c000f8ffff945969e6c0590000000069e6fffffffffffffffffffffffffffffffffffffffffffffff5590000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0000000000000000000000000016000039f5ffffffffffffffffffffffffffffffffffffffffffffffffa2230000004</w:t>
      </w:r>
      <w:r w:rsidRPr="00B555E4">
        <w:rPr>
          <w:rFonts w:ascii="Courier New" w:hAnsi="Courier New" w:cs="Courier New"/>
          <w:lang w:val="pt-BR"/>
        </w:rPr>
        <w:t>9c0ffffa239d7a200f5c0000078230000c0ffff00000000000059ffffffffffffff0000ffffffffffffffffffffffffffffffffffffffffffffff0000ffffffffffffffffffffff4900f8ffffffff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ffffa2000000000000f8ffff4900490039f5b20069fffffff5a2230000001678e6fffffffffffffffffffffffffffffff</w:t>
      </w:r>
      <w:r w:rsidRPr="00B555E4">
        <w:rPr>
          <w:rFonts w:ascii="Courier New" w:hAnsi="Courier New" w:cs="Courier New"/>
          <w:lang w:val="pt-BR"/>
        </w:rPr>
        <w:t>ffffffffffffffffff53900000094490000000000000000000000d739000016d7ffffffffffffffffffffffffffffffffffffffffffffffffffb2490000002378e6ffffb269c0a20000b2780000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c0ffff00000000000000ffffffffffffff0000ffffffffffffffffffffffffffffffffffffffffffffff0000fffffffffff</w:t>
      </w:r>
      <w:r w:rsidRPr="00B555E4">
        <w:rPr>
          <w:rFonts w:ascii="Courier New" w:hAnsi="Courier New" w:cs="Courier New"/>
          <w:lang w:val="pt-BR"/>
        </w:rPr>
        <w:t>fffffffffff49002349494949f8943900000000000078ffff78f8f8a2f5ffe6fff5b278490000000039a2ffffffffffffffa2b2ffffd7e6ffffffffffffffffffffffffffe639000023d7ff49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0000000000000000000000fff578000016d7ffffffffffffffffffffffffffffc0ffffc0f8ffffffffffffffc049000000003</w:t>
      </w:r>
      <w:r w:rsidRPr="00B555E4">
        <w:rPr>
          <w:rFonts w:ascii="Courier New" w:hAnsi="Courier New" w:cs="Courier New"/>
          <w:lang w:val="pt-BR"/>
        </w:rPr>
        <w:t>9f8c0ffffffd7c0f5d7f8f8e6ffd700000000000000697849494900000000ffffffffffffffffffffffffffffffffffffffffffffff0000ffffffffffffffffffffff490000000000000000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0000000000000039c0d7ffffffd7c0b2783900000000000069c0fffffffffff8a2fffff80059ffc016d7fffffffffffffffffff</w:t>
      </w:r>
      <w:r w:rsidRPr="00B555E4">
        <w:rPr>
          <w:rFonts w:ascii="Courier New" w:hAnsi="Courier New" w:cs="Courier New"/>
          <w:lang w:val="pt-BR"/>
        </w:rPr>
        <w:t>fffd716000049f5ffff490000000000000000000000</w:t>
      </w:r>
      <w:r w:rsidRPr="00B555E4">
        <w:rPr>
          <w:rFonts w:ascii="Courier New" w:hAnsi="Courier New" w:cs="Courier New"/>
          <w:lang w:val="pt-BR"/>
        </w:rPr>
        <w:lastRenderedPageBreak/>
        <w:t>ffffffa2000000a2ffffffffffffffffffffffe623f8ff940049ffffa259f5ffffffffe6f82300000000003978f8b2c0d7ffd7c0c0</w:t>
      </w:r>
    </w:p>
    <w:p w:rsidR="00000000" w:rsidRPr="00B555E4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B555E4">
        <w:rPr>
          <w:rFonts w:ascii="Courier New" w:hAnsi="Courier New" w:cs="Courier New"/>
          <w:lang w:val="pt-BR"/>
        </w:rPr>
        <w:t>9400000000000000000000000000000000ffffffffffffffffffffffffffffffffffffffffffffff0000fffffffffffffffffffff</w:t>
      </w:r>
      <w:r w:rsidRPr="00B555E4">
        <w:rPr>
          <w:rFonts w:ascii="Courier New" w:hAnsi="Courier New" w:cs="Courier New"/>
          <w:lang w:val="pt-BR"/>
        </w:rPr>
        <w:t>fa2f8f8b2a2f878230000000000000000000000000000000000000000003978b2fffffffffffffffff80039fff80000d7c00016ffffffffffffffffffffd7160000f8ffffffff49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ffffffffa2000000a2ffffffffffffffffffff4900f8f5000049ff690039ffffffffffffffffd7f8390000000</w:t>
      </w:r>
      <w:r w:rsidRPr="00E163DE">
        <w:rPr>
          <w:rFonts w:ascii="Courier New" w:hAnsi="Courier New" w:cs="Courier New"/>
          <w:lang w:val="pt-BR"/>
        </w:rPr>
        <w:t>0000000000000000000000000000000000016f8f8a2c0a2f8f8ffffffffffffffffffffffffffffffffffffffffffffff0000ffffffffffffffffffffffffffffffffffff69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4978b2f5ffffffffffffffffffffff7800007839000069390000c0fffffffffffffffff516000069f</w:t>
      </w:r>
      <w:r w:rsidRPr="00E163DE">
        <w:rPr>
          <w:rFonts w:ascii="Courier New" w:hAnsi="Courier New" w:cs="Courier New"/>
          <w:lang w:val="pt-BR"/>
        </w:rPr>
        <w:t>fffffffff490000000000000000000000ffffffffffd7160000d7ffffffffffffffffd7000023a200002394000039fffffffffffffffffffffff5b2f8694916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49e6ffffffffffffffffffffffffffffffffffffffffffffffffffffffffff0000fffffffffffffffffffffffffffffff</w:t>
      </w:r>
      <w:r w:rsidRPr="00E163DE">
        <w:rPr>
          <w:rFonts w:ascii="Courier New" w:hAnsi="Courier New" w:cs="Courier New"/>
          <w:lang w:val="pt-BR"/>
        </w:rPr>
        <w:t>ffffffff569000000000000000069c0c0c0d7ffffffffffffffffffffffffffffffe669000000000000000000000059fffffffffffffff539000069ffffffffffff49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ffffffffffffb2000016d7ffffffffffffff94000000000000000000000049e6fffffffffffffffffffffffffffffffffff</w:t>
      </w:r>
      <w:r w:rsidRPr="00E163DE">
        <w:rPr>
          <w:rFonts w:ascii="Courier New" w:hAnsi="Courier New" w:cs="Courier New"/>
          <w:lang w:val="pt-BR"/>
        </w:rPr>
        <w:t>fffd7160000000000000023c0ffffffffffffffffffffffffffffffffffffffffffffffffffffffffffffff0000ffffffffffffffffffffffffffffffffffffffffff69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a2fffffffffffffffffffffffffffffffffff53900000000000000000000000000d7ffffffffffff59000069ffffffffffffff4</w:t>
      </w:r>
      <w:r w:rsidRPr="00E163DE">
        <w:rPr>
          <w:rFonts w:ascii="Courier New" w:hAnsi="Courier New" w:cs="Courier New"/>
          <w:lang w:val="pt-BR"/>
        </w:rPr>
        <w:t>90000000000000000000000fffffffffffffff8000039f5ffffffffffff1600000000000000000000000016d7ffffffffffffffffffffffffffffffffffd716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16f5ffffffffffffffffffffffffffffffffffffffffffffffffffffffffffffffff0000fffffffffffffffffffffffffffffffffffffffff</w:t>
      </w:r>
      <w:r w:rsidRPr="00E163DE">
        <w:rPr>
          <w:rFonts w:ascii="Courier New" w:hAnsi="Courier New" w:cs="Courier New"/>
          <w:lang w:val="pt-BR"/>
        </w:rPr>
        <w:t>fff490000000000000000f8ffffffffffffffffffffffffffffffff590000000000000000000000000000c0ffffffffff78000059ffffffffffffffff49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ffffffffffffffff69000039ffffffffffff000000000000000000000000000023f5ffffffffffffffffffffffffffffffb2160000000</w:t>
      </w:r>
      <w:r w:rsidRPr="00E163DE">
        <w:rPr>
          <w:rFonts w:ascii="Courier New" w:hAnsi="Courier New" w:cs="Courier New"/>
          <w:lang w:val="pt-BR"/>
        </w:rPr>
        <w:t>000000000d7ffffffffffffffffffffffffffffffffffffffffffffffffffffffffffffffffff0000ffffffffffffffffffffffffffffffffffffffffffffe6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39e6fffffffffffffffffffffffff569000000000000000000000000000016ffffffffffc0000039f5ffffffffffffffff49000000000</w:t>
      </w:r>
      <w:r w:rsidRPr="00E163DE">
        <w:rPr>
          <w:rFonts w:ascii="Courier New" w:hAnsi="Courier New" w:cs="Courier New"/>
          <w:lang w:val="pt-BR"/>
        </w:rPr>
        <w:t>0000000000000fffffffffffffffff5390000f8ffffffffff49000000000000000000000000000023d7ffffffffffffffffffffffffff780000000000000000005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0000ffffffffffffffffffffffffffffffffffffffffffffff69000</w:t>
      </w:r>
      <w:r w:rsidRPr="00E163DE">
        <w:rPr>
          <w:rFonts w:ascii="Courier New" w:hAnsi="Courier New" w:cs="Courier New"/>
          <w:lang w:val="pt-BR"/>
        </w:rPr>
        <w:t>00000000000000016c0fffffffffffffffff5f8781600000000000000000000000000000094fffffffff5230000d7ffffffffffffffffff49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fffffffffffffffffff5160016e6ffffffffe60000000000000000000000000000000049f8c0fffffffffffffffff53900000000000000000000c0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0000ffffffffffffffffffffffffffffffffffffffffffffffa2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a2fffffffffffffff52300000000000000000000000000000049b2fffffffffff80000f8ffffffffffffffffffff490000000000000000000</w:t>
      </w:r>
      <w:r w:rsidRPr="00E163DE">
        <w:rPr>
          <w:rFonts w:ascii="Courier New" w:hAnsi="Courier New" w:cs="Courier New"/>
          <w:lang w:val="pt-BR"/>
        </w:rPr>
        <w:t>000ffffffffffffffffffffd7000049ffffffffffd74900000000000000000000000000000000d7fffffffffffffff5390000000000000000000039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0000ffffffffffffffffffffffffffffffffffffffffffffffd70000000000000</w:t>
      </w:r>
      <w:r w:rsidRPr="00E163DE">
        <w:rPr>
          <w:rFonts w:ascii="Courier New" w:hAnsi="Courier New" w:cs="Courier New"/>
          <w:lang w:val="pt-BR"/>
        </w:rPr>
        <w:t>00000000000d7ffffffffffffffc0000000000000000000003969f8b2f5ffffffffffffd7000039ffffffffffffffffffffff49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fffffffffffffffffffffff8000094ffffffffffffffc094693900000000000000000000f8fffffffffffffff5160000000000000000000000f8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0000ffffffffffffffffffffffffffffffffffffffffffffffff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lastRenderedPageBreak/>
        <w:t>00000000000049ffffffffffffffff590000000000000069e6ffffffffffffffffffffff490000d7ffffffffffffffffffffff490000000000000000000000fffffff</w:t>
      </w:r>
      <w:r w:rsidRPr="00E163DE">
        <w:rPr>
          <w:rFonts w:ascii="Courier New" w:hAnsi="Courier New" w:cs="Courier New"/>
          <w:lang w:val="pt-BR"/>
        </w:rPr>
        <w:t>fffffffffffffffff230016f5fffffffffffffffffffff5f80000000000000023ffffffffffffffff6900000000000000000000000094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0000ffffffffffffffffffffffffffffffffffffffffffffffff39000000000000000000000</w:t>
      </w:r>
      <w:r w:rsidRPr="00E163DE">
        <w:rPr>
          <w:rFonts w:ascii="Courier New" w:hAnsi="Courier New" w:cs="Courier New"/>
          <w:lang w:val="pt-BR"/>
        </w:rPr>
        <w:t>000b2ffffffffffffffd700000000000059ffffffffffffffffffffffffc00000f8ffffffffffffffffffffffff490000000000000000000000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b20000f8ffffffffffffffffffffffffa2000000000000a2fffffffffffffff500000000000000000000000000c0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0000ffffffffffffffffffffffffffffffffffffffffffffffff49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69ffffffffffffffff000000000000f5ffffffffffffffffffffffff490016f5ffffffffffffffffffffffff490000000000000000000000fffffffffffffffff</w:t>
      </w:r>
      <w:r w:rsidRPr="00E163DE">
        <w:rPr>
          <w:rFonts w:ascii="Courier New" w:hAnsi="Courier New" w:cs="Courier New"/>
          <w:lang w:val="pt-BR"/>
        </w:rPr>
        <w:t>fffffffff490016f5ffffffffffffffffffffffff390000000000c0ffffffffffffffa200000000000000000000000000f5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0000ffffffffffffffffffffffffffffffffffffffffffffffff4900000000000000000000000016fffff</w:t>
      </w:r>
      <w:r w:rsidRPr="00E163DE">
        <w:rPr>
          <w:rFonts w:ascii="Courier New" w:hAnsi="Courier New" w:cs="Courier New"/>
          <w:lang w:val="pt-BR"/>
        </w:rPr>
        <w:t>fffffffffff000000000049ffffffffffffffffffffffffc00000f8ffffffffffffffffffffffffff490000000000000000000000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d70000f8fffffffffffffffffffffffff80000000000a2ffffffffffffff7800000000000000000000000000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0000ffffffffffffffffffffffffffffffffb269496994f5ffff49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d7ffffffffffffc00000000000f8ffffffffffffffffffffffff490000e6ffffffffffffffffffffffffff490000000000000000000000fffffffffffffffffffffffffff</w:t>
      </w:r>
      <w:r w:rsidRPr="00E163DE">
        <w:rPr>
          <w:rFonts w:ascii="Courier New" w:hAnsi="Courier New" w:cs="Courier New"/>
          <w:lang w:val="pt-BR"/>
        </w:rPr>
        <w:t>f230016f5ffffffffffffffffffffffc0000000000059ffffffffffffff4900000000000000000000000000c0ffffc0f8f8f8f8e6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0000ffffffffffffffffffffffffffffff6900000000001694ff4900000000000000000000000000c0ffffffffffff2</w:t>
      </w:r>
      <w:r w:rsidRPr="00E163DE">
        <w:rPr>
          <w:rFonts w:ascii="Courier New" w:hAnsi="Courier New" w:cs="Courier New"/>
          <w:lang w:val="pt-BR"/>
        </w:rPr>
        <w:t>3000000000049ffffffffffffffffffffffd7000069ffffffffffffffffffffffffffff490000000000000000000000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94000094ffffffffffffffffffffffc0000000000000d7ffffffffffff4900000000000000000000000000c0d749000000000016d7fffffffffffffffffffffffff</w:t>
      </w:r>
      <w:r w:rsidRPr="00E163DE">
        <w:rPr>
          <w:rFonts w:ascii="Courier New" w:hAnsi="Courier New" w:cs="Courier New"/>
          <w:lang w:val="pt-BR"/>
        </w:rPr>
        <w:t>fffffffffffffffffffffffffff0000ffffffffffffffffffffffffffffa200000000000000006916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c0ffffffffc04900000000000049fffffffffffffffffffffff80000d7ffffffffffffffffffffffffffff490000000000000000000000fffffffffffffffffffffffffffff5000049f</w:t>
      </w:r>
      <w:r w:rsidRPr="00E163DE">
        <w:rPr>
          <w:rFonts w:ascii="Courier New" w:hAnsi="Courier New" w:cs="Courier New"/>
          <w:lang w:val="pt-BR"/>
        </w:rPr>
        <w:t>fffffffffffffffffffffa200000000000016a2ffffffffff490000000000000000000000000094160000000000000023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0000ffffffffffffffffffffffffffff490000000000000000000000000000000000000000000000d7ffa20000000000000000000</w:t>
      </w:r>
      <w:r w:rsidRPr="00E163DE">
        <w:rPr>
          <w:rFonts w:ascii="Courier New" w:hAnsi="Courier New" w:cs="Courier New"/>
          <w:lang w:val="pt-BR"/>
        </w:rPr>
        <w:t>039ffffffffffffffffffffff3900004949494949494949494949494949491600000000000000000000004949494949494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4949494949494949160000f5ffffffffffffffffffff690000000000000000000059ffff490000000000000000000000000000000000000000000000c0fffffffffffffffffffffffffffffffff</w:t>
      </w:r>
      <w:r w:rsidRPr="00E163DE">
        <w:rPr>
          <w:rFonts w:ascii="Courier New" w:hAnsi="Courier New" w:cs="Courier New"/>
          <w:lang w:val="pt-BR"/>
        </w:rPr>
        <w:t>fffffffffffffffff0000ffffffffffffffffffffffffffff1600000023f859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490000000000000000000000a2ffffffffffffffffffe6000000000000000000000000000000000000000000000000000000000000000000000000000000000000000000000000a2fffffffff</w:t>
      </w:r>
      <w:r w:rsidRPr="00E163DE">
        <w:rPr>
          <w:rFonts w:ascii="Courier New" w:hAnsi="Courier New" w:cs="Courier New"/>
          <w:lang w:val="pt-BR"/>
        </w:rPr>
        <w:t>fffffffffe6000000000000000000000000e6ff59000000000000000000000000000000002378690000000094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0000ffffffffffffffffffffffffffff00000000d7ffffe639000000000000000000000000000049ffc000000000000000000000000016d7fff</w:t>
      </w:r>
      <w:r w:rsidRPr="00E163DE">
        <w:rPr>
          <w:rFonts w:ascii="Courier New" w:hAnsi="Courier New" w:cs="Courier New"/>
          <w:lang w:val="pt-BR"/>
        </w:rPr>
        <w:t>fffffffffffff940000000000000000000000000000000000000000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59ffffffffffffffffe639000000000000000000000000f8fff800000000000000000000000000000069ffffff5900000094ffffffffffffffffffffffffffff</w:t>
      </w:r>
      <w:r w:rsidRPr="00E163DE">
        <w:rPr>
          <w:rFonts w:ascii="Courier New" w:hAnsi="Courier New" w:cs="Courier New"/>
          <w:lang w:val="pt-BR"/>
        </w:rPr>
        <w:lastRenderedPageBreak/>
        <w:t>fffffffffffffff</w:t>
      </w:r>
      <w:r w:rsidRPr="00E163DE">
        <w:rPr>
          <w:rFonts w:ascii="Courier New" w:hAnsi="Courier New" w:cs="Courier New"/>
          <w:lang w:val="pt-BR"/>
        </w:rPr>
        <w:t>fffffff0000ffffffffffffffffffffffffffff49000000e6fffffff52300000000000000000000000000a2f53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69e6ffffffffffff4900000000000000000000000000000000000000000000000000000000000000000000000000000000000000000000000000fffffffffffff5f8160</w:t>
      </w:r>
      <w:r w:rsidRPr="00E163DE">
        <w:rPr>
          <w:rFonts w:ascii="Courier New" w:hAnsi="Courier New" w:cs="Courier New"/>
          <w:lang w:val="pt-BR"/>
        </w:rPr>
        <w:t>000000000000000000000000000a2e60000000000000000000000000000f8ffffffff49000000d7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0000ffffffffffffffffffffffffffff7800000094ffffffffa200000000000000000000000023c0390000000000000000000000000000000059fffffffff</w:t>
      </w:r>
      <w:r w:rsidRPr="00E163DE">
        <w:rPr>
          <w:rFonts w:ascii="Courier New" w:hAnsi="Courier New" w:cs="Courier New"/>
          <w:lang w:val="pt-BR"/>
        </w:rPr>
        <w:t>fff0000000000000000000000000000000000000000000000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c0ffffffffff940000000000000000000000000000000000f84900000000000000000000000016f5ffffffff39000016ffffffffffffffffffffffffffffffffffffffffffffffffffff000</w:t>
      </w:r>
      <w:r w:rsidRPr="00E163DE">
        <w:rPr>
          <w:rFonts w:ascii="Courier New" w:hAnsi="Courier New" w:cs="Courier New"/>
          <w:lang w:val="pt-BR"/>
        </w:rPr>
        <w:t>0ffffffffffffffffffffffffffffd700000059fffffffff5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a2fffffffffffff50000000000000000000000000000000000000000000000000000000000000000000000000000000000000000000000000000b2ffffffffffffd70000000000000</w:t>
      </w:r>
      <w:r w:rsidRPr="00E163DE">
        <w:rPr>
          <w:rFonts w:ascii="Courier New" w:hAnsi="Courier New" w:cs="Courier New"/>
          <w:lang w:val="pt-BR"/>
        </w:rPr>
        <w:t>00000000000000000000000000000000000000000000000a2ffffffffe600000059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0000ffffffffffffffffffffffffffffff39000000f5ffffffff490000000000000000000000000000000000000000000000000000000049ffffffffffffffc00000000</w:t>
      </w:r>
      <w:r w:rsidRPr="00E163DE">
        <w:rPr>
          <w:rFonts w:ascii="Courier New" w:hAnsi="Courier New" w:cs="Courier New"/>
          <w:lang w:val="pt-BR"/>
        </w:rPr>
        <w:t>0000000000000000000000000000000000000000000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f8ffffffffffffff690000000000000000000000000000000000000000000000000000000000c0ffffffff78000000c0ffffffffffffffffffffffffffffffffffffffffffffffffffff0000fffffffff</w:t>
      </w:r>
      <w:r w:rsidRPr="00E163DE">
        <w:rPr>
          <w:rFonts w:ascii="Courier New" w:hAnsi="Courier New" w:cs="Courier New"/>
          <w:lang w:val="pt-BR"/>
        </w:rPr>
        <w:t>fffffffffffffffffffffa2000000f8ffffffff78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b2ffffffffffffff94000000000000000000000000000000000000000000000000000000000000000000000000000000000000000000000000000059ffffffffffffffe6000000000000000000000</w:t>
      </w:r>
      <w:r w:rsidRPr="00E163DE">
        <w:rPr>
          <w:rFonts w:ascii="Courier New" w:hAnsi="Courier New" w:cs="Courier New"/>
          <w:lang w:val="pt-BR"/>
        </w:rPr>
        <w:t>0000000000000000000000000000000000000fffffffff516000049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0000ffffffffffffffffffffffffffffffff23000016ffffffff9400000000000000000000000000000000000000000000000000000023fffffffffffffffff800000000000000000</w:t>
      </w:r>
      <w:r w:rsidRPr="00E163DE">
        <w:rPr>
          <w:rFonts w:ascii="Courier New" w:hAnsi="Courier New" w:cs="Courier New"/>
          <w:lang w:val="pt-BR"/>
        </w:rPr>
        <w:t>0000000000000000000000000000000000000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49ffffffffffffffff6900000000000000000000000000000000000000000000000000000023fffffffff8000000b2ffffffffffffffffffffffffffffffffffffffffffffffffffffff0000fffffffffffffffffff</w:t>
      </w:r>
      <w:r w:rsidRPr="00E163DE">
        <w:rPr>
          <w:rFonts w:ascii="Courier New" w:hAnsi="Courier New" w:cs="Courier New"/>
          <w:lang w:val="pt-BR"/>
        </w:rPr>
        <w:t>fffffffffffff94000000a2ffffffc00000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f8ffffffffffffffffd7c0c0c0c0c0c0c0c0c0c0c0c0c0c0c0c0c0c0c0390000000000000000000000c0c0c0c0c0c0c0c0c0c0c0c0c0c0c0c0c0c0c0c0ffffffffffffffffd700000000000000000000000000000</w:t>
      </w:r>
      <w:r w:rsidRPr="00E163DE">
        <w:rPr>
          <w:rFonts w:ascii="Courier New" w:hAnsi="Courier New" w:cs="Courier New"/>
          <w:lang w:val="pt-BR"/>
        </w:rPr>
        <w:t>000000000000000000000000049fffffff516000023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0000fffffffffffffffffffffffffffffffff516000023fffffff5000000000000000000000000000000000000000000000000000059fffffffffffffffffffffffffffffffffffffffff8f8c0f</w:t>
      </w:r>
      <w:r w:rsidRPr="00E163DE">
        <w:rPr>
          <w:rFonts w:ascii="Courier New" w:hAnsi="Courier New" w:cs="Courier New"/>
          <w:lang w:val="pt-BR"/>
        </w:rPr>
        <w:t>fffffffffff490000000000000000000000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690000000000000000000000000000000000000000000000000000f8ffffffa2000000a2ffffffffffffffffffffffffffffffffffffffffffffffffffffffff0000fffffffffffffffffffffffffffff</w:t>
      </w:r>
      <w:r w:rsidRPr="00E163DE">
        <w:rPr>
          <w:rFonts w:ascii="Courier New" w:hAnsi="Courier New" w:cs="Courier New"/>
          <w:lang w:val="pt-BR"/>
        </w:rPr>
        <w:t>fffff78000000e6ffffff490000000000000000000000000069e6ffe6a26939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69f5ffffffffffffffff784949a2f5ffffffffffffff0000c0ffffffffffff490000000000000000000000ffffffffffffffffffffffffffffffffffb2591659f5ffffffffffffffff94230000002369a2d7ffffb21600000000000</w:t>
      </w:r>
      <w:r w:rsidRPr="00E163DE">
        <w:rPr>
          <w:rFonts w:ascii="Courier New" w:hAnsi="Courier New" w:cs="Courier New"/>
          <w:lang w:val="pt-BR"/>
        </w:rPr>
        <w:t>000000000000000c0ffffff23000000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0000fffffffffffffffffffffff5c0c0c0c0c039000000a2ffffff9400000000000000000000000000ffffffffffffffffd7c0ffffffffffffffffffffe60000002378ffffffffffffff1600c0fffffffffff</w:t>
      </w:r>
      <w:r w:rsidRPr="00E163DE">
        <w:rPr>
          <w:rFonts w:ascii="Courier New" w:hAnsi="Courier New" w:cs="Courier New"/>
          <w:lang w:val="pt-BR"/>
        </w:rPr>
        <w:t>f490000000000000000000000fffffffffffffffffffffffffffffffff823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lastRenderedPageBreak/>
        <w:t>000094ffffffffffffffffffffd7c0f5ffffffffffffff7800000000000000000000000049fffffff50000000094c0c0c0c0b2ffffffffffffffffffffffffffffffffffffffffffffff0000fffffffffffffffffff56900000000000000000</w:t>
      </w:r>
      <w:r w:rsidRPr="00E163DE">
        <w:rPr>
          <w:rFonts w:ascii="Courier New" w:hAnsi="Courier New" w:cs="Courier New"/>
          <w:lang w:val="pt-BR"/>
        </w:rPr>
        <w:t>00059ffffffe600000000000000000000000000b2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a2000000e6ffffffffffe694c0390094a2a2ffffffff490000000000000000000000ffffffffffffffffffffffffffffffffffff16000069fffffffffffffffffffffffffffffffffffffff523000000000000000000000</w:t>
      </w:r>
      <w:r w:rsidRPr="00E163DE">
        <w:rPr>
          <w:rFonts w:ascii="Courier New" w:hAnsi="Courier New" w:cs="Courier New"/>
          <w:lang w:val="pt-BR"/>
        </w:rPr>
        <w:t>000a2ffffffc00000000000000000000016a2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0000fffffffffffffffff539000000000000000000000049ffffd7fff800000000000000000000000023e6fffffffffffffffffffffffffffffffffff5160049c0ffffffffffffc000000000000049ffffffff490000000</w:t>
      </w:r>
      <w:r w:rsidRPr="00E163DE">
        <w:rPr>
          <w:rFonts w:ascii="Courier New" w:hAnsi="Courier New" w:cs="Courier New"/>
          <w:lang w:val="pt-BR"/>
        </w:rPr>
        <w:t>000000000000000ffffffffffffffffffffffffffffffffffffd778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c0fffffffffffffffffffffffffffffffffff53900000000000000000000000023ffe6ffffc0000000000000000000000000a2ffffffffffffffffffffffffffffffffffffffff0000fffffffffffffffff800000000000000000000000049fffff</w:t>
      </w:r>
      <w:r w:rsidRPr="00E163DE">
        <w:rPr>
          <w:rFonts w:ascii="Courier New" w:hAnsi="Courier New" w:cs="Courier New"/>
          <w:lang w:val="pt-BR"/>
        </w:rPr>
        <w:t>8c0ff3900000000000000000000000016a2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c0ff590016f5ffffffffffffffd759f8230078f894ffffffff490000000000000000000000fffffffffffffffffffffffffffffffff5ffffff490023ffd7f5ffffffffffffffffffffffffffc02300000000000000000000000000c0ff59fff</w:t>
      </w:r>
      <w:r w:rsidRPr="00E163DE">
        <w:rPr>
          <w:rFonts w:ascii="Courier New" w:hAnsi="Courier New" w:cs="Courier New"/>
          <w:lang w:val="pt-BR"/>
        </w:rPr>
        <w:t>fc000000000000000000000000023f5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0000fffffffffffffff50000000000000000000000000078ffffc023f5d7000000000000000000000000000023a2f5fffffffffffffffffff54949c00000a2f5f8000039c0ffffffffff1600c0ffffffffffff4900000000000000000</w:t>
      </w:r>
      <w:r w:rsidRPr="00E163DE">
        <w:rPr>
          <w:rFonts w:ascii="Courier New" w:hAnsi="Courier New" w:cs="Courier New"/>
          <w:lang w:val="pt-BR"/>
        </w:rPr>
        <w:t>00000ffffffffffffffffffffffffffffd769160078f5d7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949439d7ffffffffffffffffffffc049000000000000000000000000000078fff859fffff50000000000000000000000000094ffffffffffffffffffffffffffffffffffffff0000ffffffffffffffb200000000000000000000000000e6ffffff0078fff80</w:t>
      </w:r>
      <w:r w:rsidRPr="00E163DE">
        <w:rPr>
          <w:rFonts w:ascii="Courier New" w:hAnsi="Courier New" w:cs="Courier New"/>
          <w:lang w:val="pt-BR"/>
        </w:rPr>
        <w:t>0000000000000000000000000000016f8f5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780023690000d72300000016f8ffffffffff000094ffffffffffff490000000000000000000000ffffffffffffffffffffffffffff944900000023c0390039490059fffffffffffffff5a22300000000000000000000000000000023f5d70094ffffff6900000</w:t>
      </w:r>
      <w:r w:rsidRPr="00E163DE">
        <w:rPr>
          <w:rFonts w:ascii="Courier New" w:hAnsi="Courier New" w:cs="Courier New"/>
          <w:lang w:val="pt-BR"/>
        </w:rPr>
        <w:t>000000000000000000039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0000ffffffffffffff78000000000000000000000000f8ffffffff4900c0ff39000000000000000000000000000000000069e6ffffffffffa200391600160000000000b2ffffffffffb2000069ffffffffffff490000000000000000000000fffff</w:t>
      </w:r>
      <w:r w:rsidRPr="00E163DE">
        <w:rPr>
          <w:rFonts w:ascii="Courier New" w:hAnsi="Courier New" w:cs="Courier New"/>
          <w:lang w:val="pt-BR"/>
        </w:rPr>
        <w:t>fffffffffffffffffffffffffd700002300003900004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69fffffffffff578160000000000000000000000000000000000c0f53900d7ffffffe616000000000000000000000000f5ffffffffffffffffffffffffffffffffffff0000ffffffffffffff230000160000000000000039b2ffffffffff780023f5d7160000000</w:t>
      </w:r>
      <w:r w:rsidRPr="00E163DE">
        <w:rPr>
          <w:rFonts w:ascii="Courier New" w:hAnsi="Courier New" w:cs="Courier New"/>
          <w:lang w:val="pt-BR"/>
        </w:rPr>
        <w:t>0000000000000000000000000000078f5fffffff5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49c0ffffffffffffffff69000016f5ffffffffff490000000000000000000000fffffffffffffffffffffffffffffffffffff569000000001600b2fffffffff816000000000000001600000000000000000000a2ff780000ffffffffffd75900000000000</w:t>
      </w:r>
      <w:r w:rsidRPr="00E163DE">
        <w:rPr>
          <w:rFonts w:ascii="Courier New" w:hAnsi="Courier New" w:cs="Courier New"/>
          <w:lang w:val="pt-BR"/>
        </w:rPr>
        <w:t>00000160000a2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0000ffffffffffffe60023b249000049f8a2c0e6fffffffffffffff8000078ffa2000000000000000000699400000000000000001694ffffff590000000069ffffffffffffffffffff16000000b2ffffffffff490000000000000000000000fffffffffffffff</w:t>
      </w:r>
      <w:r w:rsidRPr="00E163DE">
        <w:rPr>
          <w:rFonts w:ascii="Courier New" w:hAnsi="Courier New" w:cs="Courier New"/>
          <w:lang w:val="pt-BR"/>
        </w:rPr>
        <w:t>fffffffffffffffffffffffd7940000000016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b223000000000000000049d716000000000000000069ffc0000000fffffffffffffffff5c0b2f8390000c0f81669ffffffffffffffffffffffffffffffffffff0000ffffffffffffa239f5ff4923c0fffffffffffffffffffffffff8000000a2fff800000000000000a</w:t>
      </w:r>
      <w:r w:rsidRPr="00E163DE">
        <w:rPr>
          <w:rFonts w:ascii="Courier New" w:hAnsi="Courier New" w:cs="Courier New"/>
          <w:lang w:val="pt-BR"/>
        </w:rPr>
        <w:t>2fff51600000000000000000049f5ff94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230039d7fffffffffffffff8000039f5ffffffffff490000000000000000000000ffffffffffffffffffffffffffffffffffe63900231600000069fff57800000000000000000000b2fff53900000000000049ffe616000000ffffffffffffffffffffffffff9400c0ffd</w:t>
      </w:r>
      <w:r w:rsidRPr="00E163DE">
        <w:rPr>
          <w:rFonts w:ascii="Courier New" w:hAnsi="Courier New" w:cs="Courier New"/>
          <w:lang w:val="pt-BR"/>
        </w:rPr>
        <w:t>739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0000ffffffffffffa2f5ffff49c0fffffffffffffffffffffffffff800000000d7ff690000000000a2fff5ff780000000000000000000016b2390000000000000000a2ffffffff</w:t>
      </w:r>
      <w:r w:rsidRPr="00E163DE">
        <w:rPr>
          <w:rFonts w:ascii="Courier New" w:hAnsi="Courier New" w:cs="Courier New"/>
          <w:lang w:val="pt-BR"/>
        </w:rPr>
        <w:lastRenderedPageBreak/>
        <w:t>ffffff4900e6ffffffffffff490000000000000000000000fffffffffffffffffffffffff</w:t>
      </w:r>
      <w:r w:rsidRPr="00E163DE">
        <w:rPr>
          <w:rFonts w:ascii="Courier New" w:hAnsi="Courier New" w:cs="Courier New"/>
          <w:lang w:val="pt-BR"/>
        </w:rPr>
        <w:t>fffffffb2000000000000000016a239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23ffe6fff5390000000039f5f53900000039ffffffffffffffffffffffffffff59c0ffffd7e6ffffffffffffffffffffffffffffffffff0000ffffffffffffffffffffb2fffffffffffffffffffffffff5b2690000000016d7f539000016a2ffd716f5e6000</w:t>
      </w:r>
      <w:r w:rsidRPr="00E163DE">
        <w:rPr>
          <w:rFonts w:ascii="Courier New" w:hAnsi="Courier New" w:cs="Courier New"/>
          <w:lang w:val="pt-BR"/>
        </w:rPr>
        <w:t>000000000000000000000000039c0c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694978c0d7ffffffffffffffc069ffffffffffffff490000000000000000000000ffffffffffffffffffffffffffffffffd7c0a249a2c0c069000000000000000000000000000094ff5969fff539000016e6ff59000000002394c0fffffffffffffffffffffffff5d7fffffffffffff</w:t>
      </w:r>
      <w:r w:rsidRPr="00E163DE">
        <w:rPr>
          <w:rFonts w:ascii="Courier New" w:hAnsi="Courier New" w:cs="Courier New"/>
          <w:lang w:val="pt-BR"/>
        </w:rPr>
        <w:t>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ffffffffffffffffffffffffffffffffffffffe6a27839000000000000000039f5f51616d7ffd71600a2ff5900000000000000000000000016d7ffffffffffffffffffffffffffffffffffffffffffffff490000000000000000000000fffffffffffffffffffffffffffffffffff</w:t>
      </w:r>
      <w:r w:rsidRPr="00E163DE">
        <w:rPr>
          <w:rFonts w:ascii="Courier New" w:hAnsi="Courier New" w:cs="Courier New"/>
          <w:lang w:val="pt-BR"/>
        </w:rPr>
        <w:t>ffffffffffff539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16f5f5000069fff54916d7ff780000000000000000004978c0ffffffffffffffffffffffffffffffffffffffffffffffffffffffffffffff0000ffffffffffffffffffffffffffffffffffc0590000000000000000000000000049ffd7d7ffb216000049ffb200000000000</w:t>
      </w:r>
      <w:r w:rsidRPr="00E163DE">
        <w:rPr>
          <w:rFonts w:ascii="Courier New" w:hAnsi="Courier New" w:cs="Courier New"/>
          <w:lang w:val="pt-BR"/>
        </w:rPr>
        <w:t>000000000000000d7ffb2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0000000000000000000000000000000000000000000000000000000000000000000069fff51600000000000000000000000069ffa200000069ffffc0ffa2000000000000000000000000002378e6fffffffffffffffffffffffffffffffffffff</w:t>
      </w:r>
      <w:r w:rsidRPr="00E163DE">
        <w:rPr>
          <w:rFonts w:ascii="Courier New" w:hAnsi="Courier New" w:cs="Courier New"/>
          <w:lang w:val="pt-BR"/>
        </w:rPr>
        <w:t>fffffffffffffffffff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a23900000000000000000000000000000000f8ffffd71600000000e6ff1600000000000000000000000039ffff230000000000000000000000000000000000000000000000000000000000000000000000000000000000000000000000000000000000e6f</w:t>
      </w:r>
      <w:r w:rsidRPr="00E163DE">
        <w:rPr>
          <w:rFonts w:ascii="Courier New" w:hAnsi="Courier New" w:cs="Courier New"/>
          <w:lang w:val="pt-BR"/>
        </w:rPr>
        <w:t>f69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b2ff3900000000f8ffffd7000000000000000000000000000000000039c0ffffffffffffffffffffffffffffffffffffffffffffffffffff0000ffffffffffffffffffffffffff942300000000000000000000000000000000000000d7f539000000000094ff690000000000001669d74</w:t>
      </w:r>
      <w:r w:rsidRPr="00E163DE">
        <w:rPr>
          <w:rFonts w:ascii="Courier New" w:hAnsi="Courier New" w:cs="Courier New"/>
          <w:lang w:val="pt-BR"/>
        </w:rPr>
        <w:t>9000000a2ffa2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0000000000000000000000000000000000000000000000000000000000000069ffe600000000e6943900000000000000ffe6000000000000b2ff230000000000000000000000000000000000000059e6fffffffffffffffffffffffffffffffffffffff</w:t>
      </w:r>
      <w:r w:rsidRPr="00E163DE">
        <w:rPr>
          <w:rFonts w:ascii="Courier New" w:hAnsi="Courier New" w:cs="Courier New"/>
          <w:lang w:val="pt-BR"/>
        </w:rPr>
        <w:t>fffffffff0000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e639000000000000000000000000000000000000000000496900000000000039fff80000000059b2ffffff2300000049fff500000000000000000000000000000000000000000000000000000000000000000000000000000000000000000000000000000000b2ff7800000000f</w:t>
      </w:r>
      <w:r w:rsidRPr="00E163DE">
        <w:rPr>
          <w:rFonts w:ascii="Courier New" w:hAnsi="Courier New" w:cs="Courier New"/>
          <w:lang w:val="pt-BR"/>
        </w:rPr>
        <w:t>fffffe67823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49ff9400000000000016f800000000000000000000000000000000000000000000f8f5ffffffffffffffffffffffffffffffffffffffffffff0000ffffffffffffffffffffa21600000000000000000000000000000000000000000000000000000000000000ffc0003994f5fffff5f5ff0000000000e</w:t>
      </w:r>
      <w:r w:rsidRPr="00E163DE">
        <w:rPr>
          <w:rFonts w:ascii="Courier New" w:hAnsi="Courier New" w:cs="Courier New"/>
          <w:lang w:val="pt-BR"/>
        </w:rPr>
        <w:t>6ff39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59f8f8f823000000000000000000000000000000000000000000002378a2a2f816000000000000000000ffff1600000000ffffe6ffffffb2590078ff590000000000000000000000000000000000000000000000000000000000000039f5ffffffffffffffffffffffffffffffffffffffffff0</w:t>
      </w:r>
      <w:r w:rsidRPr="00E163DE">
        <w:rPr>
          <w:rFonts w:ascii="Courier New" w:hAnsi="Courier New" w:cs="Courier New"/>
          <w:lang w:val="pt-BR"/>
        </w:rPr>
        <w:t>000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a2000000000000000000000000000000000000000000000000000000000000000000c0f5e6ffffffb25900c0ff0000000000c0ff590000000000000059e6fffffffff5780000000000000000000000000000000000000000f8fffffffffff5690000000000000039ffe60000000000e6ff003994e</w:t>
      </w:r>
      <w:r w:rsidRPr="00E163DE">
        <w:rPr>
          <w:rFonts w:ascii="Courier New" w:hAnsi="Courier New" w:cs="Courier New"/>
          <w:lang w:val="pt-BR"/>
        </w:rPr>
        <w:t>6fffff5e6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16000000000000000000000000000000000000000000000000000000000000000039f5ffffffffffffffffffffffffffffffffffffffff0000ffffffffffffffff9400000000000000000000000000000000000000000000000000000000000000000000f8ffffe66916000000c0ff0000000000f8fff800000</w:t>
      </w:r>
      <w:r w:rsidRPr="00E163DE">
        <w:rPr>
          <w:rFonts w:ascii="Courier New" w:hAnsi="Courier New" w:cs="Courier New"/>
          <w:lang w:val="pt-BR"/>
        </w:rPr>
        <w:t>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69ffffffffffffffffa200000000000000000000000000000000000094ffffffffffffffffa200000000000049ffc00000000000c0ff0000000059c0ffffff0000000000000000000000000000000000000000000000000000000000000000000039f5ffffffffffffffffffffffffffffffffffffff0000fffffff</w:t>
      </w:r>
      <w:r w:rsidRPr="00E163DE">
        <w:rPr>
          <w:rFonts w:ascii="Courier New" w:hAnsi="Courier New" w:cs="Courier New"/>
          <w:lang w:val="pt-BR"/>
        </w:rPr>
        <w:t>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b20000000000000000000000000000000000000000000000000000000000000000000000f8f578000000000000c0e60000000000f8fff8000000000023ffffffffffffffffffff490000000000000069a20000000000000023ffffffffffffffffffff49000000000059ffb20000000000c0ff00000000000039d7d</w:t>
      </w:r>
      <w:r w:rsidRPr="00E163DE">
        <w:rPr>
          <w:rFonts w:ascii="Courier New" w:hAnsi="Courier New" w:cs="Courier New"/>
          <w:lang w:val="pt-BR"/>
        </w:rPr>
        <w:t>7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0000000000000000000000000000000039f5ffffffffffffffffffffffffffffffffffff0000ffffffffffffe6160000000000000000000000000000000000000000000000000000000000000000000000592300000000000000e6c00000000000f8ffa2000000000078fff</w:t>
      </w:r>
      <w:r w:rsidRPr="00E163DE">
        <w:rPr>
          <w:rFonts w:ascii="Courier New" w:hAnsi="Courier New" w:cs="Courier New"/>
          <w:lang w:val="pt-BR"/>
        </w:rPr>
        <w:t>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b200000000000069fffff800000000000094ffffffffffffffffffffa20000000000f8ffc00000000000c0ff160000000000000069000000000000000000000000000000000000000000000000000000000000000000000000f8ffffffffffffffffffffffffffffffffffff0000ffffffffffff49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0000000000000000000000000000000000000000000000000000ffc00000000000f8ffd7494949160016f56900000000000016f559000000000039ffffffff69000000000023ff4900000000000039f5230000494959c0ffc00000000000f8ff49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</w:t>
      </w:r>
      <w:r w:rsidRPr="00E163DE">
        <w:rPr>
          <w:rFonts w:ascii="Courier New" w:hAnsi="Courier New" w:cs="Courier New"/>
          <w:lang w:val="pt-BR"/>
        </w:rPr>
        <w:t>0000000000000000000000000000000000000000000000000000000000000000000e6ffffffffffffffffffffffffffffffffff0000ffffffffffc000000000000016595900000000000000000000000000000000000000000000000000000000000000000000000039fff5c0d7ffffffffffffffffe616000069f516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</w:t>
      </w:r>
      <w:r w:rsidRPr="00E163DE">
        <w:rPr>
          <w:rFonts w:ascii="Courier New" w:hAnsi="Courier New" w:cs="Courier New"/>
          <w:lang w:val="pt-BR"/>
        </w:rPr>
        <w:t>0000094c000000000000039f5ffffff49000000000000f8e6000000000000c0f8000000c0ffffffffffffffe6c0c0e6fff800000000000000000000000000000000000000000000000000000000000000000000000023f85900000000000069ffffffffffffffffffffffffffffffffff0000ffffffffff49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23a2f</w:t>
      </w:r>
      <w:r w:rsidRPr="00E163DE">
        <w:rPr>
          <w:rFonts w:ascii="Courier New" w:hAnsi="Courier New" w:cs="Courier New"/>
          <w:lang w:val="pt-BR"/>
        </w:rPr>
        <w:t>5f80000000000000000000000000000000000789416000000000000000000000000000000000059fffffff5c0ffffffffffffff5900000000c0940000000039ff230000000000000059fffff80000000000000016f5780000000078e60000000023ffffffffffffd7c0ffffffffb2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</w:t>
      </w:r>
      <w:r w:rsidRPr="00E163DE">
        <w:rPr>
          <w:rFonts w:ascii="Courier New" w:hAnsi="Courier New" w:cs="Courier New"/>
          <w:lang w:val="pt-BR"/>
        </w:rPr>
        <w:t>00078e6160000000000000000000000000000000023c0e6f81600000000c0ffffffffffffffffffffffffffffffff0000ffffffffd700000016a2fff549000000000000000000000000000000000069ffffd7390000000000000000000000000000000049490000000000000000e6ffc0000000000023ff39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c094000</w:t>
      </w:r>
      <w:r w:rsidRPr="00E163DE">
        <w:rPr>
          <w:rFonts w:ascii="Courier New" w:hAnsi="Courier New" w:cs="Courier New"/>
          <w:lang w:val="pt-BR"/>
        </w:rPr>
        <w:t>00000000000000094b200000000000000000069f516000016f5490000000000f8ffff230000000000002349390000000000000000000000000000000016b2ffffd7160000000000000000000000000000000000f8fff55900000049ffffffffffffffffffffffffffffffff0000ffffffff94000039d7ffd716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</w:t>
      </w:r>
      <w:r w:rsidRPr="00E163DE">
        <w:rPr>
          <w:rFonts w:ascii="Courier New" w:hAnsi="Courier New" w:cs="Courier New"/>
          <w:lang w:val="pt-BR"/>
        </w:rPr>
        <w:t>0000000000000000000000039f5ffd7ffff7800000000000000000000000000000000000000000000000069ffff23000000000000f8d7000069f5160000000000000023f8f8a2f8230000000000000000c0940000b2b200000000000016e6ffa20000000000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49e6ffe6d7ffb</w:t>
      </w:r>
      <w:r w:rsidRPr="00E163DE">
        <w:rPr>
          <w:rFonts w:ascii="Courier New" w:hAnsi="Courier New" w:cs="Courier New"/>
          <w:lang w:val="pt-BR"/>
        </w:rPr>
        <w:t>200000000000000000000000000000000000069ffffa2160000f5ffffffffffffffffffffffffffffff0000ffffffff390059f5ffd716000000000000000000000000000000000023f5ff690059f5ffc01600000000000000000000000000000000000000000000c0fff80000000000000016e67816e66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</w:t>
      </w:r>
      <w:r w:rsidRPr="00E163DE">
        <w:rPr>
          <w:rFonts w:ascii="Courier New" w:hAnsi="Courier New" w:cs="Courier New"/>
          <w:lang w:val="pt-BR"/>
        </w:rPr>
        <w:t>049ffffffff59000000000000000049ff3949f5230000000000000069fff51600000000000000000000000000000000000000000000f8ffff941616d7ffa200000000000000000000000000000000000059f5ffe63900a2ffffffffffffffffffffffffffffff0000ffffffff0039fffff523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</w:t>
      </w:r>
      <w:r w:rsidRPr="00E163DE">
        <w:rPr>
          <w:rFonts w:ascii="Courier New" w:hAnsi="Courier New" w:cs="Courier New"/>
          <w:lang w:val="pt-BR"/>
        </w:rPr>
        <w:t>00000000016d7fff800000023c0fff549000000000000000000000000000000000000000039fff516000000000000000049f594d700000000000000000049fffffffff8000000000000000000a2d7e6f8000000000000000000d7ff69000000000000000000000000000000000000000023d7fff55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23f5ff7800000</w:t>
      </w:r>
      <w:r w:rsidRPr="00E163DE">
        <w:rPr>
          <w:rFonts w:ascii="Courier New" w:hAnsi="Courier New" w:cs="Courier New"/>
          <w:lang w:val="pt-BR"/>
        </w:rPr>
        <w:t>000000000000000000000000000000059ffffd716f8ffffffffffffffffffffffffffffff0000fffffff516e6fff539000000000000000000000000000000000000d7ffa2000000000000f8ffff9400000000000000000000000000000000000000c0fff8000000000049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</w:t>
      </w:r>
      <w:r w:rsidRPr="00E163DE">
        <w:rPr>
          <w:rFonts w:ascii="Courier New" w:hAnsi="Courier New" w:cs="Courier New"/>
          <w:lang w:val="pt-BR"/>
        </w:rPr>
        <w:t>fffffffffffffffffffffffffffffffffff49000000000049fff51600000000000000000000000000000000000069f5ffb216000000000039f5ff6900000000000000000000000000000000000078ffffc049ffffffffffffffffffffffffffffff0000ffffffc0a2ffff49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a2f</w:t>
      </w:r>
      <w:r w:rsidRPr="00E163DE">
        <w:rPr>
          <w:rFonts w:ascii="Courier New" w:hAnsi="Courier New" w:cs="Courier New"/>
          <w:lang w:val="pt-BR"/>
        </w:rPr>
        <w:t>fc0000000000000000049e6ffd7390000000000000000000000000000000059fff516000000000016494949494949494949494949494949494949494949494949494949494949494949494949494916000000000000c0ff940000000000000000000000000000000016b2fff578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59ffff3900000000000</w:t>
      </w:r>
      <w:r w:rsidRPr="00E163DE">
        <w:rPr>
          <w:rFonts w:ascii="Courier New" w:hAnsi="Courier New" w:cs="Courier New"/>
          <w:lang w:val="pt-BR"/>
        </w:rPr>
        <w:t>0000000000000000000000000a2ffff94ffffffffffffffffffffffffffffff0000ffffffffffff78000000000000000000000000000000000000f8ffd71600000049000000000016b2fff578000000000000000000000000000016e6ff94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</w:t>
      </w:r>
      <w:r w:rsidRPr="00E163DE">
        <w:rPr>
          <w:rFonts w:ascii="Courier New" w:hAnsi="Courier New" w:cs="Courier New"/>
          <w:lang w:val="pt-BR"/>
        </w:rPr>
        <w:t>00000000000000000000000000000000000000049ffff39000000000000000000000000000049e6ffd7230000000000591600000069fff539000000000000000000000000000000000016e6ffffffffffffffffffffffffffffffffff0000ffffffffffe60000000000000016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23f5ff7800000069f</w:t>
      </w:r>
      <w:r w:rsidRPr="00E163DE">
        <w:rPr>
          <w:rFonts w:ascii="Courier New" w:hAnsi="Courier New" w:cs="Courier New"/>
          <w:lang w:val="pt-BR"/>
        </w:rPr>
        <w:t>fb216000000000069f5ffc03900000000000000000000000016d7ffa20000000000000000000000000000000000000000000000000000000000000000000000000000000000000000000000000000000069fff5390000000000000000000000001694fffff8000000000000f8ffd7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39ffff940000000000000000000</w:t>
      </w:r>
      <w:r w:rsidRPr="00E163DE">
        <w:rPr>
          <w:rFonts w:ascii="Courier New" w:hAnsi="Courier New" w:cs="Courier New"/>
          <w:lang w:val="pt-BR"/>
        </w:rPr>
        <w:t>0001600000000000049ffffffffffffffffffffffffffffffffff0000ffffffffff690000000000239439000000000000000000000039e6ffa21639fff5ffe639000000000023c0fffff816000000000000000000000016e6ffa200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59d7f81600000000000000000000000</w:t>
      </w:r>
      <w:r w:rsidRPr="00E163DE">
        <w:rPr>
          <w:rFonts w:ascii="Courier New" w:hAnsi="Courier New" w:cs="Courier New"/>
          <w:lang w:val="pt-BR"/>
        </w:rPr>
        <w:t>00000000000000000000000000069ffff3900000000000000000000000049e6ffe639000000000016c0ffe6ffa20069f5ff69000000000000000000000000f8f8160000000000c0ffffffffffffffffffffffffffffffff0000ffffffffe6000000000078f539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16d7ffd7f5ff4949e6ff780</w:t>
      </w:r>
      <w:r w:rsidRPr="00E163DE">
        <w:rPr>
          <w:rFonts w:ascii="Courier New" w:hAnsi="Courier New" w:cs="Courier New"/>
          <w:lang w:val="pt-BR"/>
        </w:rPr>
        <w:t>0000000000078f5ffe649000000000000000000000039f5ff7800000000000000000000000000000000000016b2ffffffe669000000000000000000000000000000000000000000000069ffff69000000000000000000000016a2ffff9416000000000039f5f55900c0ffe6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5390000000000000000000000000000a2e63</w:t>
      </w:r>
      <w:r w:rsidRPr="00E163DE">
        <w:rPr>
          <w:rFonts w:ascii="Courier New" w:hAnsi="Courier New" w:cs="Courier New"/>
          <w:lang w:val="pt-BR"/>
        </w:rPr>
        <w:t>90000000023ffffffffffffffffffffffffffffffff0000ffffffff6900000016a2ff6900000000000000000000000000000000a2ffffa2000059ffc00000000000000023c0ffffb2160000000000000000000039f5ff590000000000000000000000000000001678f5ffa2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1623b2ffd749000000000000000000000000000</w:t>
      </w:r>
      <w:r w:rsidRPr="00E163DE">
        <w:rPr>
          <w:rFonts w:ascii="Courier New" w:hAnsi="Courier New" w:cs="Courier New"/>
          <w:lang w:val="pt-BR"/>
        </w:rPr>
        <w:t>000000000000039f5ff69000000000000000000000069f5ffe6490000000000000069ffb2000016f5ffe62300000000000000000000000000000000c0ff6900000000a2ffffffffffffffffffffffffffffff0000ffffffc000000039d7ff69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69fff5160016d7f52300000000000</w:t>
      </w:r>
      <w:r w:rsidRPr="00E163DE">
        <w:rPr>
          <w:rFonts w:ascii="Courier New" w:hAnsi="Courier New" w:cs="Courier New"/>
          <w:lang w:val="pt-BR"/>
        </w:rPr>
        <w:t>000000059f5fff5690000000000000000000059fff53900000000000000000000000016f8f5ffc0230000000049c0ffc023000000000000000000000000000000000016e6ff690000000000000000000049c0fffff81600000000000000000094ff78000078ffe6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16d7ffa200000</w:t>
      </w:r>
      <w:r w:rsidRPr="00E163DE">
        <w:rPr>
          <w:rFonts w:ascii="Courier New" w:hAnsi="Courier New" w:cs="Courier New"/>
          <w:lang w:val="pt-BR"/>
        </w:rPr>
        <w:t>059ffffffffffffffffffffffffffffff0000ffffff69000023f5ffa2000000000000000000000000000000000000e6ff59000094ffa2000000000016000000000016b2ffffc02300000000000000000078ffe6c0f8f8f8f8f8f8f8f8f8f894f5ffc049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69e6ffa2230000000000000000000016f8f8f8f</w:t>
      </w:r>
      <w:r w:rsidRPr="00E163DE">
        <w:rPr>
          <w:rFonts w:ascii="Courier New" w:hAnsi="Courier New" w:cs="Courier New"/>
          <w:lang w:val="pt-BR"/>
        </w:rPr>
        <w:t>8e6ff9400000000000000000023a2ffffd739000000000000230000000039ffe6160000e6ff69000000000000000000000000000000000016e6ffa2000000f5ffffffffffffffffffffffffffff0000ffffff230016d7ffc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69ffc000000016b2ff9416000094f578000000000</w:t>
      </w:r>
      <w:r w:rsidRPr="00E163DE">
        <w:rPr>
          <w:rFonts w:ascii="Courier New" w:hAnsi="Courier New" w:cs="Courier New"/>
          <w:lang w:val="pt-BR"/>
        </w:rPr>
        <w:t>00059f5ffffa2691600000000000000f8ffffffffffffffffffffffffffe66900000000000000000000000069f5f5f8160000000000000016d7ffffffffffa200000000000000235994f5fff5f800000000000049e6f516000078ffd73900000059ffe6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49ffffa2000094fffff</w:t>
      </w:r>
      <w:r w:rsidRPr="00E163DE">
        <w:rPr>
          <w:rFonts w:ascii="Courier New" w:hAnsi="Courier New" w:cs="Courier New"/>
          <w:lang w:val="pt-BR"/>
        </w:rPr>
        <w:t>fffffffffffffffffffffff0000ffffd70016d7ffff49000000000000000000000000000000000000e6f523000000000078f5e64969ffd7ffc039000000000049ffffffffffffd7c0c0b2f8692369ffffffffffffffffffffffa2000000000016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16f8f5f5f8490000000049d7f5d7ffffffa22369f8b</w:t>
      </w:r>
      <w:r w:rsidRPr="00E163DE">
        <w:rPr>
          <w:rFonts w:ascii="Courier New" w:hAnsi="Courier New" w:cs="Courier New"/>
          <w:lang w:val="pt-BR"/>
        </w:rPr>
        <w:t>2c0c0e6ffffffffffff94000000000016a2ffd7ffd723c0fff8000000000000c0ff69000000000000000000000000000000000000b2ffff780059ffffffffffffffffffffffffffff0000ffffa200b2ffffa2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69ff940000000000000023d7ffffd70049e6fff800000000a2fff</w:t>
      </w:r>
      <w:r w:rsidRPr="00E163DE">
        <w:rPr>
          <w:rFonts w:ascii="Courier New" w:hAnsi="Courier New" w:cs="Courier New"/>
          <w:lang w:val="pt-BR"/>
        </w:rPr>
        <w:t>fffffffffffffffffffffffe6ffffffffffffffffffffc00000000000007800000000000000000000001694fffff5c0c0d7ffd739b2fffffff5fffffffffffffffffffffffffff50000000059f5e6490078ffffe6490000000000000049ffe6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16f5ffff4949fffffffffffffff</w:t>
      </w:r>
      <w:r w:rsidRPr="00E163DE">
        <w:rPr>
          <w:rFonts w:ascii="Courier New" w:hAnsi="Courier New" w:cs="Courier New"/>
          <w:lang w:val="pt-BR"/>
        </w:rPr>
        <w:t>fffffffffffff0000fffff849fffff516000000000000000000000000000000000000e6ff23000000000000000000f8f523000023ffc000000016f5fffffffffffffffffffffffffffffffffffffffffffffffff8000000000000e6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1678c0c0c0a2590016fffffffffffffffffffffffffff</w:t>
      </w:r>
      <w:r w:rsidRPr="00E163DE">
        <w:rPr>
          <w:rFonts w:ascii="Courier New" w:hAnsi="Courier New" w:cs="Courier New"/>
          <w:lang w:val="pt-BR"/>
        </w:rPr>
        <w:t>fffffffffff6900000069fff8000000a2b216000000000000000000a2ff6900000000000000000000000000000000000078ffffd700ffffffffffffffffffffffffffff0000ffff78e6ffff7800000000000000000000000000000000000069ffa2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d7ffc023000069fffffffffffffff</w:t>
      </w:r>
      <w:r w:rsidRPr="00E163DE">
        <w:rPr>
          <w:rFonts w:ascii="Courier New" w:hAnsi="Courier New" w:cs="Courier New"/>
          <w:lang w:val="pt-BR"/>
        </w:rPr>
        <w:t>fffffffffffffffffffffffffffffffffff69000000000039ff00000000000000000000000000000000000000000069ffffffffffffffffffffffffffffffffffffffd7000016f8ffff49000000000000000000000000000039ffb2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d7fffff8e6fffffffffffffffffffffff</w:t>
      </w:r>
      <w:r w:rsidRPr="00E163DE">
        <w:rPr>
          <w:rFonts w:ascii="Courier New" w:hAnsi="Courier New" w:cs="Courier New"/>
          <w:lang w:val="pt-BR"/>
        </w:rPr>
        <w:t>fff0000ffffe6ffffd700000000000000000000000000000000000000d7ff3900000000000000000000000000000049c0ffffa239d7ffffffffffffffffffffffffffffffffffffffffffffffffffb20000000000a2f5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e6fffffffffffffffffffffffffffffffffffff</w:t>
      </w:r>
      <w:r w:rsidRPr="00E163DE">
        <w:rPr>
          <w:rFonts w:ascii="Courier New" w:hAnsi="Courier New" w:cs="Courier New"/>
          <w:lang w:val="pt-BR"/>
        </w:rPr>
        <w:t>fff69f8f5ffc04900000000000000000000000000000000e6ff2300000000000000000000000000000000000049fffffff5ffffffffffffffffffffffffff0000ffffffffff4900000000000049160000000000000000000023ffe6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49c0fffffffffffffffffffffffffffffff</w:t>
      </w:r>
      <w:r w:rsidRPr="00E163DE">
        <w:rPr>
          <w:rFonts w:ascii="Courier New" w:hAnsi="Courier New" w:cs="Courier New"/>
          <w:lang w:val="pt-BR"/>
        </w:rPr>
        <w:t>fffffffffffffffffffffffffff6900000016f5c0000000000000000000000000000000000000000069ffffffffffffffffffffffffffffffffffffffffffffffc04900000000000000000000000000000000000078fff8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5939000000000000b2ffffffffffffffffffffffffffffffff0000fff</w:t>
      </w:r>
      <w:r w:rsidRPr="00E163DE">
        <w:rPr>
          <w:rFonts w:ascii="Courier New" w:hAnsi="Courier New" w:cs="Courier New"/>
          <w:lang w:val="pt-BR"/>
        </w:rPr>
        <w:t>fffffe6000000000000a249000000000000000000000094ff94000000000000000000000000390000000000000049e6ffffffffffffffffffffffffffffffffffffffffffffffffffffffff940000f8ff94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16f5fffffffffffffffffffffffffffffffffffffffffff569000</w:t>
      </w:r>
      <w:r w:rsidRPr="00E163DE">
        <w:rPr>
          <w:rFonts w:ascii="Courier New" w:hAnsi="Courier New" w:cs="Courier New"/>
          <w:lang w:val="pt-BR"/>
        </w:rPr>
        <w:t>000000000000016000000000000000000000023ffe6390000000000000000000000b259000000000059ffffffffffffffffffffffffffffffff0000ffffffff780000000016c0b20000000000000000000016a2ffff49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1649000000000000000016a2fffffffffffffffffffffffffffffffffff</w:t>
      </w:r>
      <w:r w:rsidRPr="00E163DE">
        <w:rPr>
          <w:rFonts w:ascii="Courier New" w:hAnsi="Courier New" w:cs="Courier New"/>
          <w:lang w:val="pt-BR"/>
        </w:rPr>
        <w:t>ffffffffffffffffffff80016f5ff690000000000000000000000000000000000000069ffffffffffffffffffffffffffffffffffffffffffa216000000000000000000f8000000000000000000000000e6fff559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23f5690000000000e6ffffffffffffffffffffffffffffff0000ffffffff23000</w:t>
      </w:r>
      <w:r w:rsidRPr="00E163DE">
        <w:rPr>
          <w:rFonts w:ascii="Courier New" w:hAnsi="Courier New" w:cs="Courier New"/>
          <w:lang w:val="pt-BR"/>
        </w:rPr>
        <w:t>00000a2f51600000000000000000023d7ffffff00000000000000000000000039f800000023f8c0c0a26916a2ffffffffffffffffffe6c0f8f8f8f8c0e6ffffffffffffffffe60000f8ffff39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d7ffffffc0947878f8f894d7ffffffffffffffffffd71659a2c0c0b26900000</w:t>
      </w:r>
      <w:r w:rsidRPr="00E163DE">
        <w:rPr>
          <w:rFonts w:ascii="Courier New" w:hAnsi="Courier New" w:cs="Courier New"/>
          <w:lang w:val="pt-BR"/>
        </w:rPr>
        <w:t>039f8000000000000000000000000a2ffffff940000000000000000000078ff590000000094ffffffffffffffffffffffffffffff0000ffffffd700000000f8ff5900000000000000000059f5e6b2ffd7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e600000016f5fffffffff578b2ffffffffffff782300000000000000000049a2f5f</w:t>
      </w:r>
      <w:r w:rsidRPr="00E163DE">
        <w:rPr>
          <w:rFonts w:ascii="Courier New" w:hAnsi="Courier New" w:cs="Courier New"/>
          <w:lang w:val="pt-BR"/>
        </w:rPr>
        <w:t>fffffd7590016f5fff50000000000000000000000000000000000000000fff5690000000000000000001659f5ffffffffffe678f5ffffffffff78000000f8f800000000000000000000000078fff578ffc016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c0f53900000049ffffffffffffffffffffffffffffff0000ffffff9400000069ffb2000</w:t>
      </w:r>
      <w:r w:rsidRPr="00E163DE">
        <w:rPr>
          <w:rFonts w:ascii="Courier New" w:hAnsi="Courier New" w:cs="Courier New"/>
          <w:lang w:val="pt-BR"/>
        </w:rPr>
        <w:t>000000000000000f8ffa216a2ffa200000000000000000000000000ff6900000069fffffffffffffffffffffffffff5f8160000394923000000000000594900000000f8ffffa2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691600001649786939000000f8e6ffffffffffffffffffffffffffb200000016f56900000</w:t>
      </w:r>
      <w:r w:rsidRPr="00E163DE">
        <w:rPr>
          <w:rFonts w:ascii="Courier New" w:hAnsi="Courier New" w:cs="Courier New"/>
          <w:lang w:val="pt-BR"/>
        </w:rPr>
        <w:t>000000000000000000049ffff2339e6f539000000000000000023ffe616000000ffffffffffffffffffffffffffffff0000ffffff59000023f5ff230000000000000016c0f5690000e6fff8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69ffe616000000a2ffffffffffffffffffffffffffffa2000049ffffffffb269000000000000164</w:t>
      </w:r>
      <w:r w:rsidRPr="00E163DE">
        <w:rPr>
          <w:rFonts w:ascii="Courier New" w:hAnsi="Courier New" w:cs="Courier New"/>
          <w:lang w:val="pt-BR"/>
        </w:rPr>
        <w:t>9f5ffff690000000000000000000000000000000000000000000023a2ffffffffa2000094ffffffffffffffffffffffffffffd716000000f8ffa200000000000000000000000039ffff590016b2ff69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a2ffc0000000c0ffffffffffffffffffffffffffff0000ffffff160000b2ffa2000000000000001</w:t>
      </w:r>
      <w:r w:rsidRPr="00E163DE">
        <w:rPr>
          <w:rFonts w:ascii="Courier New" w:hAnsi="Courier New" w:cs="Courier New"/>
          <w:lang w:val="pt-BR"/>
        </w:rPr>
        <w:t>6d7ff49000023fffff8000000000000000000000069ffe6ffa20000000078ffffffffffb2ffffffffffffffff940000d7ffffffffffe65939f8d7ffffffffffffffe6a27839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39f5ffffffffff230059ffffffffffffffffb2ffffffffffa21600000059ffe6ffc01600000000000</w:t>
      </w:r>
      <w:r w:rsidRPr="00E163DE">
        <w:rPr>
          <w:rFonts w:ascii="Courier New" w:hAnsi="Courier New" w:cs="Courier New"/>
          <w:lang w:val="pt-BR"/>
        </w:rPr>
        <w:t>00000000000ffff94000000c0ff690000000000000023ffff490000f8ffffffffffffffffffffffffffff0000ffffff000049ffff2300000000000016d7ff6900000069fffff80000000000000000000039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39c0ff780000000023a2f5d79449ffffffffffffffffe60000a2ffffffffffffffffffffc0c094f8f8f8b2c</w:t>
      </w:r>
      <w:r w:rsidRPr="00E163DE">
        <w:rPr>
          <w:rFonts w:ascii="Courier New" w:hAnsi="Courier New" w:cs="Courier New"/>
          <w:lang w:val="pt-BR"/>
        </w:rPr>
        <w:t>0f5ffffd769160000000000000000235900000039f5ffffffffffc00000b2fffffffffffffffff869c0c0a2490000000039f5f516c0ff940000000000000000000000ffffc000000016d7ff69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a2ffd7000078ffffffffffffffffffffffffffff0000ffffc00000d7ffc000000000000016d7ffa20000000</w:t>
      </w:r>
      <w:r w:rsidRPr="00E163DE">
        <w:rPr>
          <w:rFonts w:ascii="Courier New" w:hAnsi="Courier New" w:cs="Courier New"/>
          <w:lang w:val="pt-BR"/>
        </w:rPr>
        <w:t>094ffff59000000000000000000000000230023f5ff94000000000000000059ffffffffffffffffff000069ffffffffffffffb249000000000000000000002369a2e6f5f800000000000000f8f516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c0ffffffffffff940000f5ffffffffffffffffa2000000000000000078f5f53900160000000000000000000000000</w:t>
      </w:r>
      <w:r w:rsidRPr="00E163DE">
        <w:rPr>
          <w:rFonts w:ascii="Courier New" w:hAnsi="Courier New" w:cs="Courier New"/>
          <w:lang w:val="pt-BR"/>
        </w:rPr>
        <w:t>0ffffff0000000023f5ff6900000000000039ffff690049ffffffffffffffffffffffffffff0000ffffc00069ffff69000000000000b2ffd70000000000c0ffff78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16c0ffd749000000000000e6ffffffffffffffffff3900f8ffffffffffff690000000000000000000000000000000</w:t>
      </w:r>
      <w:r w:rsidRPr="00E163DE">
        <w:rPr>
          <w:rFonts w:ascii="Courier New" w:hAnsi="Courier New" w:cs="Courier New"/>
          <w:lang w:val="pt-BR"/>
        </w:rPr>
        <w:t>039a2d7490000000000e6ff940059ffffffffffffffa20000fffffffffffffffffff539000000000039b2ffe63900000000000000000000000000000000ffffff490000000059ffff39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e6ffe60049ffffffffffffffffffffffffffff0000ffffb200d7fff5160000000000f8ffffc00000000000fffffff80</w:t>
      </w:r>
      <w:r w:rsidRPr="00E163DE">
        <w:rPr>
          <w:rFonts w:ascii="Courier New" w:hAnsi="Courier New" w:cs="Courier New"/>
          <w:lang w:val="pt-BR"/>
        </w:rPr>
        <w:t>00000000000004916000000000000000049c0ffe694594969d7fffffffffffffffffff50000a2fffffffffff80000000000000000000000000000000000000000694900000059fffff516a2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d70000c0fffffffffffffffffff594f8f8f8d7ffe669000000000000000023491600000000000023ffffff690</w:t>
      </w:r>
      <w:r w:rsidRPr="00E163DE">
        <w:rPr>
          <w:rFonts w:ascii="Courier New" w:hAnsi="Courier New" w:cs="Courier New"/>
          <w:lang w:val="pt-BR"/>
        </w:rPr>
        <w:t>0000000f8fffff516000000000078ffff5900ffffffffffffffffffffffffffff0000ffffc023ffffa2000000000049ffffffff0000000023ffffffb200000000000023ffffffc0a2f8f8f8f8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8f8b2fffffffffffffffffffffffffffffffff80000d7ffffffffff23000000000000002359f8f8f87849000000000000000</w:t>
      </w:r>
      <w:r w:rsidRPr="00E163DE">
        <w:rPr>
          <w:rFonts w:ascii="Courier New" w:hAnsi="Courier New" w:cs="Courier New"/>
          <w:lang w:val="pt-BR"/>
        </w:rPr>
        <w:t>0000000b2fffffff8e6ffffffffffffffff230039f5ffffffffffffffffffffffffffffffe6c0f8f8f8f8f8b2c0ffffffa200000000000049fffffff800000000f8ffffffc0000000000023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a249ffffffffffffffffffffffffffff0000ffffc078ffff690000000016f5ffffffff0000000049ffffffc000000049000</w:t>
      </w:r>
      <w:r w:rsidRPr="00E163DE">
        <w:rPr>
          <w:rFonts w:ascii="Courier New" w:hAnsi="Courier New" w:cs="Courier New"/>
          <w:lang w:val="pt-BR"/>
        </w:rPr>
        <w:t>0f8ffffffffffffffffffffffffffffffffffffffffffffffffffffffa2000049ffffffffffff23000000001694e6ffffffffffffffffe6a25900000000000000d7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94000069fffffffffffffffffffffffffffffffffffffffffffffffffffffff5000023390000f8ffffffb200000000c0f</w:t>
      </w:r>
      <w:r w:rsidRPr="00E163DE">
        <w:rPr>
          <w:rFonts w:ascii="Courier New" w:hAnsi="Courier New" w:cs="Courier New"/>
          <w:lang w:val="pt-BR"/>
        </w:rPr>
        <w:t>ffffffff80000000000d7fff549ffffffffffffffffffffffffffff0000ffffc0d7ffff230000000094ffffffffff4900000078ffffffff160000e60000a2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78000000c0ffffffffffff6900000059e6fffffffffffffffffffffffffff5a25900000000f5f</w:t>
      </w:r>
      <w:r w:rsidRPr="00E163DE">
        <w:rPr>
          <w:rFonts w:ascii="Courier New" w:hAnsi="Courier New" w:cs="Courier New"/>
          <w:lang w:val="pt-BR"/>
        </w:rPr>
        <w:t>fffffffffffffffffffffffffff49000069f5ffffffffffffffffffffffffffffffffffffffffffffffffffff000094780000c0ffffffd700000000c0ffffffffff2300000000a2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a2ffffffffffffffffffffffffffff0000fffff5ffffe60000000039ffffffffffff5900000094ffffffff690049ff5900c0fffffff</w:t>
      </w:r>
      <w:r w:rsidRPr="00E163DE">
        <w:rPr>
          <w:rFonts w:ascii="Courier New" w:hAnsi="Courier New" w:cs="Courier New"/>
          <w:lang w:val="pt-BR"/>
        </w:rPr>
        <w:t>fffffffffffffffffffffffffffffffffffffffffff6900000069ffd794f8f8f8f894000069ffffc0fffff800000000164978b2e6ffffffe6690000a2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516000039f5ffffffffffffffffffffffffffffffffffffffffffffffffff0000e6b20000ffffffffff00000000ffffffffffffc</w:t>
      </w:r>
      <w:r w:rsidRPr="00E163DE">
        <w:rPr>
          <w:rFonts w:ascii="Courier New" w:hAnsi="Courier New" w:cs="Courier New"/>
          <w:lang w:val="pt-BR"/>
        </w:rPr>
        <w:t>00000000069fffff5ffffffffffffffffffffffffffff0000ffffffffffb200000000c0fffffffffffff8000000c0ffffffffd700f8ffd700c0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569000000166916000000000000000000b2fff800f8fff51600000000000000001669d7ffffe67869fffffffffff</w:t>
      </w:r>
      <w:r w:rsidRPr="00E163DE">
        <w:rPr>
          <w:rFonts w:ascii="Courier New" w:hAnsi="Courier New" w:cs="Courier New"/>
          <w:lang w:val="pt-BR"/>
        </w:rPr>
        <w:t>5f839000000002369c09400000016d7ffffffffffffffffffffffffffffffffffffffffffffffff00f8ffc00069ffffffffff00000039ffffffffffffff5900000039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0000fffffffffff800000059ffffffffffffffc0000000c0ffffffffff23f8ffff78c0fffffffffffffffff</w:t>
      </w:r>
      <w:r w:rsidRPr="00E163DE">
        <w:rPr>
          <w:rFonts w:ascii="Courier New" w:hAnsi="Courier New" w:cs="Courier New"/>
          <w:lang w:val="pt-BR"/>
        </w:rPr>
        <w:t>ffffffffffffffffffffffffffff53900000000000000003969f8f869490000a2e6000016f5fff8000000000000000000000039a2ffffffffffffffd7230000000016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230000000000a2ffffffffffffffffffffffffffffffffffffffffffffff39ffffc016f5ffffffffff49000069ffffffffffffffd70000000</w:t>
      </w:r>
      <w:r w:rsidRPr="00E163DE">
        <w:rPr>
          <w:rFonts w:ascii="Courier New" w:hAnsi="Courier New" w:cs="Courier New"/>
          <w:lang w:val="pt-BR"/>
        </w:rPr>
        <w:t>0ffffffffffffffffffffffffffffffffff0000fffffffffff8000000c0ffffffffffffffff000000c0ffffffffffc0f8fffff5e6ffffffffffffffffffffffffe669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5390000000000001678e6fffffffffffff5a2b2c0000000f8fff5160000000000000000000000001694ffffffffb200002394f5fff</w:t>
      </w:r>
      <w:r w:rsidRPr="00E163DE">
        <w:rPr>
          <w:rFonts w:ascii="Courier New" w:hAnsi="Courier New" w:cs="Courier New"/>
          <w:lang w:val="pt-BR"/>
        </w:rPr>
        <w:t>fffc0690000000000000000a2fffffffffffffff8f8ffffffffffffffffffffffffffd7ffffc0f8ffffffffffff490000a2ffffffffffffffff49000000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0000ffffffffff69000023ffffffffffffffffff390000c0ffffffffffffe6ffffffffffffffffffffffffffffff78000</w:t>
      </w:r>
      <w:r w:rsidRPr="00E163DE">
        <w:rPr>
          <w:rFonts w:ascii="Courier New" w:hAnsi="Courier New" w:cs="Courier New"/>
          <w:lang w:val="pt-BR"/>
        </w:rPr>
        <w:t>0c0fffffffffff53900000000000016d7ffffffffffffffffffffffe600000016f5c059000000000000000000000000000049e6fff5160039f5ffffffffffffffd7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2300000000000000a2ffffffffffff230039e6fffffffffffffffffffffffffffffff5ffffffffffff490000d7ffffffffffffffffa2000000e6fffffff</w:t>
      </w:r>
      <w:r w:rsidRPr="00E163DE">
        <w:rPr>
          <w:rFonts w:ascii="Courier New" w:hAnsi="Courier New" w:cs="Courier New"/>
          <w:lang w:val="pt-BR"/>
        </w:rPr>
        <w:t>fffffffffffffffffffffffff0000ffffffffff490000a2fffffffffffffffffff80000ffffffffffffffffffffffffffffffffffffffffffff6900000059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b22300000000000016e6ffffffffffffffffffffffffff780000000000000000000000000000000000000000001694590016f5fffffffffffffffffff</w:t>
      </w:r>
      <w:r w:rsidRPr="00E163DE">
        <w:rPr>
          <w:rFonts w:ascii="Courier New" w:hAnsi="Courier New" w:cs="Courier New"/>
          <w:lang w:val="pt-BR"/>
        </w:rPr>
        <w:t>51600000000000000f8fffffff57800000016f5ffffffffffffffffffffffffffffffffffffffffff490023ffffffffffffffffffff230000c0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0000ffffffffff490000e6ffffffffffffffffffe60000ffffffffffffffffffffffffffffffffffffffffffa2000000000023f8f83</w:t>
      </w:r>
      <w:r w:rsidRPr="00E163DE">
        <w:rPr>
          <w:rFonts w:ascii="Courier New" w:hAnsi="Courier New" w:cs="Courier New"/>
          <w:lang w:val="pt-BR"/>
        </w:rPr>
        <w:t>9000000000000000069ffffffffffffffffffffffffa23900000000000000000000000000000000000000000000000000001669e6ffffffffffffffffff94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23497816000000000069ffffffffffffffffffffffffffffffffffffffffff780094ffffffffffffffffffff780000c0fffffffffffffffff</w:t>
      </w:r>
      <w:r w:rsidRPr="00E163DE">
        <w:rPr>
          <w:rFonts w:ascii="Courier New" w:hAnsi="Courier New" w:cs="Courier New"/>
          <w:lang w:val="pt-BR"/>
        </w:rPr>
        <w:t>fffffffffffffff0000ffffffffff590039ffffffffffffffffffffff3900fffffffffffffffffffffffffffffffffffffffff516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f8ffffffffffffffffffffff6900002349000000000000000000000000000000000000000000000000000039ffffffffffffffffffe60000000</w:t>
      </w:r>
      <w:r w:rsidRPr="00E163DE">
        <w:rPr>
          <w:rFonts w:ascii="Courier New" w:hAnsi="Courier New" w:cs="Courier New"/>
          <w:lang w:val="pt-BR"/>
        </w:rPr>
        <w:t>00000000000000000000000000000c0ffffffffffffffffffffffffffffffffffffffff5900e6ffffffffffffffffffffb20000f5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0000fffffffffff80078ffffffffffffffffffffff9400d7ffffffffffffffffffffffffffffffffffffff9400000000000000000000000000000</w:t>
      </w:r>
      <w:r w:rsidRPr="00E163DE">
        <w:rPr>
          <w:rFonts w:ascii="Courier New" w:hAnsi="Courier New" w:cs="Courier New"/>
          <w:lang w:val="pt-BR"/>
        </w:rPr>
        <w:t>000000078ffffffffffd778ffffffc00016c0fffff5230016f89416000023160000006949000069d7690016d7f53900c0ffa2a2ffffffffffa2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23ffffffffffffffffffffffffffffffffffffffff4939fffffffffffffffffffffff50000fffffffffffffffffffffffffffff</w:t>
      </w:r>
      <w:r w:rsidRPr="00E163DE">
        <w:rPr>
          <w:rFonts w:ascii="Courier New" w:hAnsi="Courier New" w:cs="Courier New"/>
          <w:lang w:val="pt-BR"/>
        </w:rPr>
        <w:t>fffff0000fffffffffff800b2fffffffffffffffffffffff500c0ffffffffffffffffffffffffffffffffffffff59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f8fffff5a21649fffffff80078fffff5490039d7ffa20016b2ffa20016d7ff690059ffd71600d7ffff4900c0fff800f8f5ffffb21600000000000000000</w:t>
      </w:r>
      <w:r w:rsidRPr="00E163DE">
        <w:rPr>
          <w:rFonts w:ascii="Courier New" w:hAnsi="Courier New" w:cs="Courier New"/>
          <w:lang w:val="pt-BR"/>
        </w:rPr>
        <w:t>000000000000000000000f5ffffffffffffffffffffffffffffffffffffff4994ffffffffffffffffffffffff4900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0000ffffffffffa200e6ffffffffffffffffffffffff59c0ffffffffffffffffffffffffffffffffffffff39000000000000000000000000000000000000000</w:t>
      </w:r>
      <w:r w:rsidRPr="00E163DE">
        <w:rPr>
          <w:rFonts w:ascii="Courier New" w:hAnsi="Courier New" w:cs="Courier New"/>
          <w:lang w:val="pt-BR"/>
        </w:rPr>
        <w:t>0003900000049ffffffc00016c0a2160039f5fff80016d7ffa20000d7ffa20023f5ff390094ffffa20016f5ff69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c0ffffffffffffffffffffffffffffffffffffff16f5ffffffffffffffffffffffff6939ffffffffffffffffffffffffffffffffff0000f</w:t>
      </w:r>
      <w:r w:rsidRPr="00E163DE">
        <w:rPr>
          <w:rFonts w:ascii="Courier New" w:hAnsi="Courier New" w:cs="Courier New"/>
          <w:lang w:val="pt-BR"/>
        </w:rPr>
        <w:t>fffffffffe600ffffffffffffffffffffffffffa294ffffffffffffffffffffffffffffffffffffff59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49ffffffff160000000000b2d7690016d7ffa20000a2ffa20000d7ff6900004959230000f8ffff4900000000000000000000000000000000000000000</w:t>
      </w:r>
      <w:r w:rsidRPr="00E163DE">
        <w:rPr>
          <w:rFonts w:ascii="Courier New" w:hAnsi="Courier New" w:cs="Courier New"/>
          <w:lang w:val="pt-BR"/>
        </w:rPr>
        <w:t>00000000000e6ffffffffffffffffffffffffffffffffffffff59fffffffffffffffffffffffffff878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0000ffffffffffff39fffffffffffffffffffffffffff594ffffffffffffffffffffffffffffffffffffff940000000000000000000000000000000000000000000000000</w:t>
      </w:r>
      <w:r w:rsidRPr="00E163DE">
        <w:rPr>
          <w:rFonts w:ascii="Courier New" w:hAnsi="Courier New" w:cs="Courier New"/>
          <w:lang w:val="pt-BR"/>
        </w:rPr>
        <w:t>049ffffffffe6f800002300000000000069690000167878000000231600001600000000a2ffffff78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23ffffffffffffffffffffffffffc0c0e6ffffffffa2ffffffffffffffffffffffffff94b2ffffffffffffffffffffffffffffffffff0000fffffffffff</w:t>
      </w:r>
      <w:r w:rsidRPr="00E163DE">
        <w:rPr>
          <w:rFonts w:ascii="Courier New" w:hAnsi="Courier New" w:cs="Courier New"/>
          <w:lang w:val="pt-BR"/>
        </w:rPr>
        <w:t>f94fffffffffffffffffffffffffffff5ffd769160000003969e6ffffffffffffffffffe6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49ffffffffffc00000ffa259f869000000000000000000005923000023d7ffd7c03900c0fffffff800000000000000000000000000000000000000000000000000f</w:t>
      </w:r>
      <w:r w:rsidRPr="00E163DE">
        <w:rPr>
          <w:rFonts w:ascii="Courier New" w:hAnsi="Courier New" w:cs="Courier New"/>
          <w:lang w:val="pt-BR"/>
        </w:rPr>
        <w:t>8ffffffffffffffffffe67823000000003994f5ffffffffffffffffffffffffffffffc0e6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0000ffffffffffffffffffffffffffffffffffffffffffff7800000000000000000049f5fffffffffffffffff800000000000000000000000000000000000000000000000069fffffff</w:t>
      </w:r>
      <w:r w:rsidRPr="00E163DE">
        <w:rPr>
          <w:rFonts w:ascii="Courier New" w:hAnsi="Courier New" w:cs="Courier New"/>
          <w:lang w:val="pt-BR"/>
        </w:rPr>
        <w:t>fffe60000f5ffffffff2300000000000000f8e6ffffe60039ffffffff780094ffffffa2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39fffffffffffffffff57800000000000000000039d7ffffffffffffffffffffffffffffffffffffffffffffffffffffffffffffffffff0000fffffffffffffffffffff</w:t>
      </w:r>
      <w:r w:rsidRPr="00E163DE">
        <w:rPr>
          <w:rFonts w:ascii="Courier New" w:hAnsi="Courier New" w:cs="Courier New"/>
          <w:lang w:val="pt-BR"/>
        </w:rPr>
        <w:t>ffffffffffffffffffff5590000006994c0a27816000016c0ffffffffffffffff94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a2ffffffffffff23002369e6ffff780000000000000023f8a2ffff23005994ffffb20039fffffff5160000000000000000000000000000000000000000000078f5fffffffffff</w:t>
      </w:r>
      <w:r w:rsidRPr="00E163DE">
        <w:rPr>
          <w:rFonts w:ascii="Courier New" w:hAnsi="Courier New" w:cs="Courier New"/>
          <w:lang w:val="pt-BR"/>
        </w:rPr>
        <w:t>ffff53900000059a2c0c0942300000094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fffffffffffffffffffffffffffffffffffffff539000049f5fffffffffff569000000c0fffffffffffffffff59478496994c000000000000000000000000000000023ffffffffffffffd7390</w:t>
      </w:r>
      <w:r w:rsidRPr="00E163DE">
        <w:rPr>
          <w:rFonts w:ascii="Courier New" w:hAnsi="Courier New" w:cs="Courier New"/>
          <w:lang w:val="pt-BR"/>
        </w:rPr>
        <w:t>000a2ffffd700000000000000000000ffff78000000f5fff50000ffffffff69000000000000000000000000000000f8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b278497894e6ffffffffffffffffff39000049e6ffffffffffffa216000094ffffffffffffffffffffffffffffffffffffffffffffffffffffffffffffff0000fffffffffffffffffffffffffffffff</w:t>
      </w:r>
      <w:r w:rsidRPr="00E163DE">
        <w:rPr>
          <w:rFonts w:ascii="Courier New" w:hAnsi="Courier New" w:cs="Courier New"/>
          <w:lang w:val="pt-BR"/>
        </w:rPr>
        <w:t>fffffff78000069fffffffffffffffffff8000016d7fffffffffffffffffffffffffff8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b2ffffffffffffffffff7800f8ffffff23000000000000000039ffffff230039f5ffb20000fffffffff539000000000000000000000000000039ffffffffffffffffffffffffffff69000069f</w:t>
      </w:r>
      <w:r w:rsidRPr="00E163DE">
        <w:rPr>
          <w:rFonts w:ascii="Courier New" w:hAnsi="Courier New" w:cs="Courier New"/>
          <w:lang w:val="pt-BR"/>
        </w:rPr>
        <w:t>fffffffffffffffffd7160016e6ffffffffffffffffffffffffffffffffffffffffffffffffffffffffffff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c0000059ffffffffffffffffffffffa2000023fffffffffffffffffffffffff52300000000000000c0390000000016a2fffffffffffffffffffff800f8fffff</w:t>
      </w:r>
      <w:r w:rsidRPr="00E163DE">
        <w:rPr>
          <w:rFonts w:ascii="Courier New" w:hAnsi="Courier New" w:cs="Courier New"/>
          <w:lang w:val="pt-BR"/>
        </w:rPr>
        <w:t>f780000000000000000a2ffff690016f5ffe61600a2fffffffffff5390000000016f84900000000000000b2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78000069ffffffffffffffffffffffd7000049ffffffffffffffffffffffffffffffffffffffffffffffffffffffffffff0000ffffffffffffffffffffffffffffffffffff23001</w:t>
      </w:r>
      <w:r w:rsidRPr="00E163DE">
        <w:rPr>
          <w:rFonts w:ascii="Courier New" w:hAnsi="Courier New" w:cs="Courier New"/>
          <w:lang w:val="pt-BR"/>
        </w:rPr>
        <w:t>6f5ffffffffffffffffffffffff780000f8ffffffffffffffffffffff490000000000000000ffffa2f8f894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5ffffffffffffffffffffc04900f8fffffffffffff5c0946916000069780016d7ffffc00000c0ffffffffffffffe6b2f8d7ffff490000000000000016f5ffffffffffffffffffffd7000049fffffffffffffff</w:t>
      </w:r>
      <w:r w:rsidRPr="00E163DE">
        <w:rPr>
          <w:rFonts w:ascii="Courier New" w:hAnsi="Courier New" w:cs="Courier New"/>
          <w:lang w:val="pt-BR"/>
        </w:rPr>
        <w:t>ffffffffffff80000a2ffffffffffffffffffffffffffffffffffffffffffffffffffffffffff0000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d70000f8fffffffffffffffffffffffffff5230000d7ffffffffffffffffff69000000000000000000ffffffffffffffffffffffffffffd74900000000f8fff559e6fffffff</w:t>
      </w:r>
      <w:r w:rsidRPr="00E163DE">
        <w:rPr>
          <w:rFonts w:ascii="Courier New" w:hAnsi="Courier New" w:cs="Courier New"/>
          <w:lang w:val="pt-BR"/>
        </w:rPr>
        <w:t>ffffff59423000000b2ffffffff780069ffffffffffffffffffffffffff49000000000000000039e6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490000d7fffffffffffffffffffffffffff5230059ffffffffffffffffffffffffffffffffffffffffffffffffffffffffff0000fffffffffffffffffffffffffffffffffff80000f5f5a2f8495</w:t>
      </w:r>
      <w:r w:rsidRPr="00E163DE">
        <w:rPr>
          <w:rFonts w:ascii="Courier New" w:hAnsi="Courier New" w:cs="Courier New"/>
          <w:lang w:val="pt-BR"/>
        </w:rPr>
        <w:t>994d7ffffffffffffffc0000049ffffffffffffffe65900000000000000000000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690000594900f8ff690039f5fffffffffffffff5590049ffffffffffc00049ffffffffffffffffffffffffff4900000000000000000016a2ffffffffffffffa2000078ffffffffffffffe69449494959b</w:t>
      </w:r>
      <w:r w:rsidRPr="00E163DE">
        <w:rPr>
          <w:rFonts w:ascii="Courier New" w:hAnsi="Courier New" w:cs="Courier New"/>
          <w:lang w:val="pt-BR"/>
        </w:rPr>
        <w:t>2ff780016ffffffffffffffffffffffffffffffffffffffffffffffffffffffffff0000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390049690000000000000069f5ffffffffffff49000069b2fffff5a269000000000000000000000023fffffffffffffffffffffffffff51600d7ffffffff7800000039fffffffffffffff</w:t>
      </w:r>
      <w:r w:rsidRPr="00E163DE">
        <w:rPr>
          <w:rFonts w:ascii="Courier New" w:hAnsi="Courier New" w:cs="Courier New"/>
          <w:lang w:val="pt-BR"/>
        </w:rPr>
        <w:t>fffb2e6ffffffffffc00049ffffffffffffffffffffffffff7800000000000000000000002378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c0d7ffe694160016f5ffffffffffff940000000000000023780000b2ffffffffffffffffffffffffffffffffffffffffffffffffffffffff0000ffffffffffffffffffffffffffffffffff000000000000234923000016f5f</w:t>
      </w:r>
      <w:r w:rsidRPr="00E163DE">
        <w:rPr>
          <w:rFonts w:ascii="Courier New" w:hAnsi="Courier New" w:cs="Courier New"/>
          <w:lang w:val="pt-BR"/>
        </w:rPr>
        <w:t>fffffffffffc0000000000000000000000000000000000000000069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a20039ffff4949490000b22300394949d7fffffffffffffffffffffffff80069ffffffffffffffffffffffffff940000000000000000000000000000000000000000f8fffffffffffffff80000234949230000000000f</w:t>
      </w:r>
      <w:r w:rsidRPr="00E163DE">
        <w:rPr>
          <w:rFonts w:ascii="Courier New" w:hAnsi="Courier New" w:cs="Courier New"/>
          <w:lang w:val="pt-BR"/>
        </w:rPr>
        <w:t>8ffffffffffffffffffffffffffffffffffffffffffffffffffffffff0000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50000000069e6ffffff000069ffffffffffffffff490000000000000000000000000000000000000094ffffffffffffffffffffffffff390094fff50000000094ffd70000000078fffffffffffffffff</w:t>
      </w:r>
      <w:r w:rsidRPr="00E163DE">
        <w:rPr>
          <w:rFonts w:ascii="Courier New" w:hAnsi="Courier New" w:cs="Courier New"/>
          <w:lang w:val="pt-BR"/>
        </w:rPr>
        <w:t>ffffff51600a2ffffffffffffffffffffffffffc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16f5fffffffffffffff5000094ffffffc059000000f8ffffffffffffffffffffffffffffffffffffffffffffffffffffffff0000ffffffffffffffffffffffffffffffffc0000059e6ffffffffd70000d7fffffffffffff</w:t>
      </w:r>
      <w:r w:rsidRPr="00E163DE">
        <w:rPr>
          <w:rFonts w:ascii="Courier New" w:hAnsi="Courier New" w:cs="Courier New"/>
          <w:lang w:val="pt-BR"/>
        </w:rPr>
        <w:t>fffd700000000000000000000000000000000000000d7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d70000f5ff780016c0c0ffffffd7b2490023ffffffffffffffffffffff940000f5ffffffffffffffffffffffffffff1600000000000000000000000000000000000094ffffffffffffffffff3900f8ffffffffff940000f8fffffffff</w:t>
      </w:r>
      <w:r w:rsidRPr="00E163DE">
        <w:rPr>
          <w:rFonts w:ascii="Courier New" w:hAnsi="Courier New" w:cs="Courier New"/>
          <w:lang w:val="pt-BR"/>
        </w:rPr>
        <w:t>fffffffffffffffffffffffffffffffffffffffffffffff0000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c000f8ffffffffffff940000fffffffffffffffffffff8000000000000000000000000000000000016ffffffffffffffffffffffffff780069ffe60000a2ffffffffffffffe60000f8ffffffffffffffffffffff690</w:t>
      </w:r>
      <w:r w:rsidRPr="00E163DE">
        <w:rPr>
          <w:rFonts w:ascii="Courier New" w:hAnsi="Courier New" w:cs="Courier New"/>
          <w:lang w:val="pt-BR"/>
        </w:rPr>
        <w:t>059fffffffffffffffffffffffffffff8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39fffffffffffffffffffff80049ffffffffffffd73959ffffffffffffffffffffffffffffffffffffffffffffffffffffffff0000ffffffffffffffffffffffffffffffffd7c0fffffffffffffff80016ffffffffffffffc0f84939000</w:t>
      </w:r>
      <w:r w:rsidRPr="00E163DE">
        <w:rPr>
          <w:rFonts w:ascii="Courier New" w:hAnsi="Courier New" w:cs="Courier New"/>
          <w:lang w:val="pt-BR"/>
        </w:rPr>
        <w:t>0000000000000000000000000000000f8ffffffffffffffffffffffffff16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b2ff690023fffff869494978b2fff80016494949494949494949a2fff50000fffffffffffffffffffffffffffff51600000000000000000000000000000000002349f8e6fffffffffffff80039fffffffffffffff5b2fffffffffffffffffff</w:t>
      </w:r>
      <w:r w:rsidRPr="00E163DE">
        <w:rPr>
          <w:rFonts w:ascii="Courier New" w:hAnsi="Courier New" w:cs="Courier New"/>
          <w:lang w:val="pt-BR"/>
        </w:rPr>
        <w:t>fffffffffffffffffffffffffffffffffffff0000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80016ffffffffffb249000000000000000000000000000000000000000039ffffffffffffffffffffffffffa20023ffc00000c0ffff000000000049fff51600000000000039494949a2ffff1600fffffff</w:t>
      </w:r>
      <w:r w:rsidRPr="00E163DE">
        <w:rPr>
          <w:rFonts w:ascii="Courier New" w:hAnsi="Courier New" w:cs="Courier New"/>
          <w:lang w:val="pt-BR"/>
        </w:rPr>
        <w:t>ffffffffffffffffffffffff8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69e6fffffffff80039ffffffffffffffffffffffffffffffffffffffffffffffffffffffffffffffffffffffffff0000ffffffffffffffffffffffffffffffffffffffffffffffffffb20000ffffffff690000002369a2c094000000000</w:t>
      </w:r>
      <w:r w:rsidRPr="00E163DE">
        <w:rPr>
          <w:rFonts w:ascii="Courier New" w:hAnsi="Courier New" w:cs="Courier New"/>
          <w:lang w:val="pt-BR"/>
        </w:rPr>
        <w:t>0000000000000000016d7ffffffffffffffffffffffffff490078ffc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f5fff5000000000049ffff3900000000f8ffffffffffffffd70016ffffffffffffffffffffffffffffffff690000000000000000000000000069d7c0a25900000016d7ffffff590059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0000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c00000c0ffff59000023a2ffffffffffd7160000000000000000000023d7fffffffffffffffffffffffffff5000039f5ff230069ffe6b2f80016c0c0ffc00000000078fff594f8f8f8f8591600a2fffffffffffffffff</w:t>
      </w:r>
      <w:r w:rsidRPr="00E163DE">
        <w:rPr>
          <w:rFonts w:ascii="Courier New" w:hAnsi="Courier New" w:cs="Courier New"/>
          <w:lang w:val="pt-BR"/>
        </w:rPr>
        <w:t>ffffffffffffffffff80000000000000000000000f8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e669000016b2ffff1600f8ffffffffffffffffffffffffffffffffffffffffffffffffffffffffffffffffffffffffff0000ffffffffffffffffffffffffffffffffffffffffffffffffffff230069fff8000059f5fffffffffffffff5f81600000000000</w:t>
      </w:r>
      <w:r w:rsidRPr="00E163DE">
        <w:rPr>
          <w:rFonts w:ascii="Courier New" w:hAnsi="Courier New" w:cs="Courier New"/>
          <w:lang w:val="pt-BR"/>
        </w:rPr>
        <w:t>01678f5ffffffffffffffffffffffffffffffc0160016c094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23fffff5230000f8ffff690000000094ffa20000000000000000f8e6ffffffffffffffffffffffffffffffffffb2390000000000000069e6ffffffffffffffffb2160023f5a20000d7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0000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780000c0160069fffffffffffffffffffffff5b2f849f8f8a2f5ffffffffffffffffffffffffffffffffffffe6390000160039fffff800000000e6fff80000000049fff594f8f8f8f8f849160016d7fffffffffffffffffffffff</w:t>
      </w:r>
      <w:r w:rsidRPr="00E163DE">
        <w:rPr>
          <w:rFonts w:ascii="Courier New" w:hAnsi="Courier New" w:cs="Courier New"/>
          <w:lang w:val="pt-BR"/>
        </w:rPr>
        <w:t>fffffffffffffe6a2f8f894c0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c0000078160049ffffffffffffffffffffffffffffffffffffffffffffffffffffffffffffffffffffffffffff0000ffffffffffffffffffffffffffffffffffffffffffffffffffffe61600000023f5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69000016e6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e60069c0c00049ffff590000000059c0d7ffffffffffffff690023fffffffffffffffffffffffffffffffffffffffffffffffffffffffffffffffffffffffffff800000000c0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0000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94000000b2ffffffffffffffffffffffffffffffffffffffffffffffffffffffffffffffffffffffffffffffffc0000094ffff5900f8ffff0000a2fff5000000000000000000000094ffffff3900b2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23000049ffffffffffffffffffffffffffffffffffffffffffffffffffffffffffffffffffffffffffffff0000ffffffffffffffffffffffffffffffffffffffffffffffffffffffff490023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230059ffc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8ffff490016f5f8000000001649494949490000000000000078ffffffffffffffffffffffffffffffffffffffffffffffffffffffffffffffffffffffffff780039f5ffffffffffffffffffffffffffffffffffffffffffffffffffffffffffffffffffffffffffffff000</w:t>
      </w:r>
      <w:r w:rsidRPr="00E163DE">
        <w:rPr>
          <w:rFonts w:ascii="Courier New" w:hAnsi="Courier New" w:cs="Courier New"/>
          <w:lang w:val="pt-BR"/>
        </w:rPr>
        <w:t>0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6969ffffffffffffffffffffffffffffffffffffffffffffffffffffffffffffffffffffffffffffffffffffc00000c0ffffffffffffffffffe6160000000049ffffffffffc049000000000049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b2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39f5ffffffffffffffffffffffffffffffffffffffffffffffffffffffffffffffffffffffffffffffff0000ffffffffffffffffffffffffffffffffffffffffffffffffffffffffffffd7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690039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8000000000049fffffffffffffffffffffffffffffffffffffffffffffffffffffffffffffffffffffffffffffffffffffffffffffffffffffff5ffffffffffffffffffffffffffffffffffffffffffffffffffffffffffffffffffffffffffffffffff0000fffffffff</w:t>
      </w:r>
      <w:r w:rsidRPr="00E163DE">
        <w:rPr>
          <w:rFonts w:ascii="Courier New" w:hAnsi="Courier New" w:cs="Courier New"/>
          <w:lang w:val="pt-BR"/>
        </w:rPr>
        <w:t>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c00049f594c0e6fff5c094e6f8000000000049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0000fffffffffffffffffffffffffffffffffffffffff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c0002323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1639000000000049ffffffffffffffffffffffffffffffffffffffffffffffffffffffffffffffffffffffffffffffffffffffffffffffffffffffffffffffffffffffffffffffffffffffffffffffffffffffffffffffffffffffffffffffffffffffffff0000fffffffffffffffffff</w:t>
      </w:r>
      <w:r w:rsidRPr="00E163DE">
        <w:rPr>
          <w:rFonts w:ascii="Courier New" w:hAnsi="Courier New" w:cs="Courier New"/>
          <w:lang w:val="pt-BR"/>
        </w:rPr>
        <w:t>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c0000000000000000000000000000000000049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0000fffffffffffffffffffffffffffffffffffffffffffffffffffffffffffffffffffffffffffffffffffffffffffffffffffffffffffffffffffffffffffffffffffffffffffffffffffff80</w:t>
      </w:r>
      <w:r w:rsidRPr="00E163DE">
        <w:rPr>
          <w:rFonts w:ascii="Courier New" w:hAnsi="Courier New" w:cs="Courier New"/>
          <w:lang w:val="pt-BR"/>
        </w:rPr>
        <w:t>049a2e6fff569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49ffffffffffffffffffffffffffffffffffffffffffffffffffffffffffffffffffffffffffffffffffffffffffffffffffffffffffffffffffffffffffffffffffffffffffffffffffffffffffffffffffffffffffffffffffffffffff0000fffffffffffffffffffffffffffff</w:t>
      </w:r>
      <w:r w:rsidRPr="00E163DE">
        <w:rPr>
          <w:rFonts w:ascii="Courier New" w:hAnsi="Courier New" w:cs="Courier New"/>
          <w:lang w:val="pt-BR"/>
        </w:rPr>
        <w:t>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94c0ffffffffff78000000c0ffffff00000049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0000ffffffffffffffffffffffffffffffffffffffffffffffffffffffffffffffffffffffffffffffffffffffffffffffffffffffffffffffffffffffffffffffffffffffffffffffffffffffffffffffffa</w:t>
      </w:r>
      <w:r w:rsidRPr="00E163DE">
        <w:rPr>
          <w:rFonts w:ascii="Courier New" w:hAnsi="Courier New" w:cs="Courier New"/>
          <w:lang w:val="pt-BR"/>
        </w:rPr>
        <w:t>200000000c0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00000000f8ffffffffffffffffffffffffffffffffffffffffffffffffffffffffffffffffffffffffffffffffffffffffffffffffffffffffffffffffffffffffffffffffffffffffffffffffffffffffffffffffffffffffffffffffffffffff0000fffffffffffffffffffffffffffffffffffffff</w:t>
      </w:r>
      <w:r w:rsidRPr="00E163DE">
        <w:rPr>
          <w:rFonts w:ascii="Courier New" w:hAnsi="Courier New" w:cs="Courier New"/>
          <w:lang w:val="pt-BR"/>
        </w:rPr>
        <w:t>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b20000000000c0ffffff000000000078fff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0000fffffffffffffffffffffffffffffffffffffffffffffffffffffffffffffffffffffffffffffffffffffffffffffffffffffffffffffffffffffffffffffffffffffffffffffffffffffffffffffff800000000007</w:t>
      </w:r>
      <w:r w:rsidRPr="00E163DE">
        <w:rPr>
          <w:rFonts w:ascii="Courier New" w:hAnsi="Courier New" w:cs="Courier New"/>
          <w:lang w:val="pt-BR"/>
        </w:rPr>
        <w:t>8ffffa2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49ffffffffffffffffffffffffffffffffffffffffffffffffffffffffffffffffffffffffffffffffffffffffffffffffffffffffffffffffffffffffffffffffffffffffffffffffffffffffffffffffffffffffffffffffffffff0000fffffffffffffffffffffffffffffffffffffffffffffffff</w:t>
      </w:r>
      <w:r w:rsidRPr="00E163DE">
        <w:rPr>
          <w:rFonts w:ascii="Courier New" w:hAnsi="Courier New" w:cs="Courier New"/>
          <w:lang w:val="pt-BR"/>
        </w:rPr>
        <w:t>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8000000000016d7d723000000000049fffffffffffff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0000fffffffffffffffffffffffffffffffffffffffffffffffffffffffffffffffffffffffffffffffffffffffffffffffffffffffffffffffffffffffffffffffffffffffffffffffffffffffffffffff8000000000000161600000</w:t>
      </w:r>
      <w:r w:rsidRPr="00E163DE">
        <w:rPr>
          <w:rFonts w:ascii="Courier New" w:hAnsi="Courier New" w:cs="Courier New"/>
          <w:lang w:val="pt-BR"/>
        </w:rPr>
        <w:t>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49ffffffffffffffffffffffffffffffffffffffffffffffffffffffffffffffffffffffffffffffffffffffffffffffffffffffffffffffffffffffffffffffffffffffffffffffffffffffffffffffffffffffffffffffffffffff0000fffffffffffffffffffffffffffffffffffffffffffffffffffffffffff</w:t>
      </w:r>
      <w:r w:rsidRPr="00E163DE">
        <w:rPr>
          <w:rFonts w:ascii="Courier New" w:hAnsi="Courier New" w:cs="Courier New"/>
          <w:lang w:val="pt-BR"/>
        </w:rPr>
        <w:t>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8000000000000000000000000000049ffffff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0000fffffffffffffffffffffffffffffffffffffffffffffffffffffffffffffffffffffffffffffffffffffffffffffffffffffffffffffffffffffffffffffffffffffffffffffffffffffffffffffff8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4</w:t>
      </w:r>
      <w:r w:rsidRPr="00E163DE">
        <w:rPr>
          <w:rFonts w:ascii="Courier New" w:hAnsi="Courier New" w:cs="Courier New"/>
          <w:lang w:val="pt-BR"/>
        </w:rPr>
        <w:t>9ffffffffffffffffffffffffffffffffffffffffffffffffffffffffffffffffffffffffffffffffffffffffffffffffffffffffffffffffffffffffffffffffffffffffffffffffffffffffffffffffffffffffffffffffffffff0000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8000000000000000000000000000049ffffffffff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</w:t>
      </w:r>
      <w:r w:rsidRPr="00E163DE">
        <w:rPr>
          <w:rFonts w:ascii="Courier New" w:hAnsi="Courier New" w:cs="Courier New"/>
          <w:lang w:val="pt-BR"/>
        </w:rPr>
        <w:t>fffffffffffffffffffffffffffffffffffffffffffffffffff0000000001050000050000000d0000004d45544146494c45504943540039130000d8eeffff04840000080039132811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10009000003fe4100000200733f00000000050000000b0200000000050000000c02a600ba003d020000f70000031c01000000000</w:t>
      </w:r>
      <w:r w:rsidRPr="00E163DE">
        <w:rPr>
          <w:rFonts w:ascii="Courier New" w:hAnsi="Courier New" w:cs="Courier New"/>
          <w:lang w:val="pt-BR"/>
        </w:rPr>
        <w:t>101010002020200030303000404040005050500060606000707070008080800090909000a0a0a000b0b0b000c0c0c000d0d0d000e0e0e000f0f0f001010100011111100121212001313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13001414140015151500161616001717170018181800191919001a1a1a001b1b1b001c1c1c001d1d1d001e1e1e001f1f1f002020200</w:t>
      </w:r>
      <w:r w:rsidRPr="00E163DE">
        <w:rPr>
          <w:rFonts w:ascii="Courier New" w:hAnsi="Courier New" w:cs="Courier New"/>
          <w:lang w:val="pt-BR"/>
        </w:rPr>
        <w:t>02121210022222200232323002424240025252500262626002727270028282800292929002a2a2a002b2b2b002c2c2c002d2d2d002e2e2e002f2f2f003030300031313100323232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333333003434340035353500363636003737370038383800393939003a3a3a003b3b3b003c3c3c003d3d3d003e3e3e003f3f3f0040404</w:t>
      </w:r>
      <w:r w:rsidRPr="00E163DE">
        <w:rPr>
          <w:rFonts w:ascii="Courier New" w:hAnsi="Courier New" w:cs="Courier New"/>
          <w:lang w:val="pt-BR"/>
        </w:rPr>
        <w:t>0004141410042424200434343004444440045454500464646004747470048484800494949004a4a4a004b4b4b004c4c4c004d4d4d004e4e4e004f4f4f0050505000515151005252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5200535353005454540055555500565656005757570058585800595959005a5a5a005b5b5b005c5c5c005d5d5d005e5e5e005f5f5f00606</w:t>
      </w:r>
      <w:r w:rsidRPr="00E163DE">
        <w:rPr>
          <w:rFonts w:ascii="Courier New" w:hAnsi="Courier New" w:cs="Courier New"/>
          <w:lang w:val="pt-BR"/>
        </w:rPr>
        <w:t>060006161610062626200636363006464640065656500666666006767670068686800696969006a6a6a006b6b6b006c6c6c006d6d6d006e6e6e006f6f6f0070707000717171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72727200737373007474740075757500767676007777770078787800797979007a7a7a007b7b7b007c7c7c007d7d7d007e7e7e007f7f7f008</w:t>
      </w:r>
      <w:r w:rsidRPr="00E163DE">
        <w:rPr>
          <w:rFonts w:ascii="Courier New" w:hAnsi="Courier New" w:cs="Courier New"/>
          <w:lang w:val="pt-BR"/>
        </w:rPr>
        <w:t>08080008181810082828200838383008484840085858500868686008787870088888800898989008a8a8a008b8b8b008c8c8c008d8d8d008e8e8e008f8f8f00909090009191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910092929200939393009494940095959500969696009797970098989800999999009a9a9a009b9b9b009c9c9c009d9d9d009e9e9e009f9f9f0</w:t>
      </w:r>
      <w:r w:rsidRPr="00E163DE">
        <w:rPr>
          <w:rFonts w:ascii="Courier New" w:hAnsi="Courier New" w:cs="Courier New"/>
          <w:lang w:val="pt-BR"/>
        </w:rPr>
        <w:t>0a0a0a000a1a1a100a2a2a200a3a3a300a4a4a400a5a5a500a6a6a600a7a7a700a8a8a800a9a9a900aaaaaa00ababab00acacac00adadad00aeaeae00afafaf00b0b0b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b1b1b100b2b2b200b3b3b300b4b4b400b5b5b500b6b6b600b7b7b700b8b8b800b9b9b900bababa00bbbbbb00bcbcbc00bdbdbd00bebebe00bfbfb</w:t>
      </w:r>
      <w:r w:rsidRPr="00E163DE">
        <w:rPr>
          <w:rFonts w:ascii="Courier New" w:hAnsi="Courier New" w:cs="Courier New"/>
          <w:lang w:val="pt-BR"/>
        </w:rPr>
        <w:t>f00c0c0c000c1c1c100c2c2c200c3c3c300c4c4c400c5c5c500c6c6c600c7c7c700c8c8c800c9c9c900cacaca00cbcbcb00cccccc00cdcdcd00cecece00cfcfcf00d0d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d000d1d1d100d2d2d200d3d3d300d4d4d400d5d5d500d6d6d600d7d7d700d8d8d800d9d9d900dadada00dbdbdb00dcdcdc00dddddd00dedede00dfd</w:t>
      </w:r>
      <w:r w:rsidRPr="00E163DE">
        <w:rPr>
          <w:rFonts w:ascii="Courier New" w:hAnsi="Courier New" w:cs="Courier New"/>
          <w:lang w:val="pt-BR"/>
        </w:rPr>
        <w:t>fdf00e0e0e000e1e1e100e2e2e200e3e3e300e4e4e400e5e5e500e6e6e600e7e7e700e8e8e800e9e9e900eaeaea00ebebeb00ececec00ededed00eeeeee00efefef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0f0f000f1f1f100f2f2f200f3f3f300f4f4f400f5f5f500f6f6f600f7f7f700f8f8f800f9f9f900fafafa00fbfbfb00fcfcfc00fdfdfd00fefefe00f</w:t>
      </w:r>
      <w:r w:rsidRPr="00E163DE">
        <w:rPr>
          <w:rFonts w:ascii="Courier New" w:hAnsi="Courier New" w:cs="Courier New"/>
          <w:lang w:val="pt-BR"/>
        </w:rPr>
        <w:t>fffff00ffffff0000000000c0c0c000808080000000ff000000800000ffff000080800000ff000000800000ffff000080800000ff00000080000000ff00ff008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8000f0fbff004080800080ff000040400000f0c8a400ff800000a4a0a000804000008000ff0080004000c0dcc0000040800004000000340200000300000</w:t>
      </w:r>
      <w:r w:rsidRPr="00E163DE">
        <w:rPr>
          <w:rFonts w:ascii="Courier New" w:hAnsi="Courier New" w:cs="Courier New"/>
          <w:lang w:val="pt-BR"/>
        </w:rPr>
        <w:t>03500733f0000410b2000cc00a600ba0000000000a600ba000000000028000000bb000000a70000000100080000000000a47a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bf0000bf000000bfbf00bf000000bf00bf00bfbf0000c0c0c000c0dcc000f0c8a4000101010002020200030303000505050006060</w:t>
      </w:r>
      <w:r w:rsidRPr="00E163DE">
        <w:rPr>
          <w:rFonts w:ascii="Courier New" w:hAnsi="Courier New" w:cs="Courier New"/>
          <w:lang w:val="pt-BR"/>
        </w:rPr>
        <w:t>60007070700090909000a0a0a000b0b0b000d0d0d000e0e0e000f0f0f0010101000121212001313130014141400151515001717170018181800191919001a1a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1a001b1b1b001d1d1d001e1e1e001f1f1f0020202000212121002323230024242400252525002626260027272700282828002a2a2a0004040400080808000c0</w:t>
      </w:r>
      <w:r w:rsidRPr="00E163DE">
        <w:rPr>
          <w:rFonts w:ascii="Courier New" w:hAnsi="Courier New" w:cs="Courier New"/>
          <w:lang w:val="pt-BR"/>
        </w:rPr>
        <w:t>c0c0011111100161616001c1c1c0022222200292929002b2b2b002c2c2c002d2d2d002e2e2e002f2f2f0030303000313131003232320033333300343434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35353500363636003737370038383800393939003a3a3a003b3b3b003c3c3c003d3d3d003e3e3e003f3f3f0040404000414141004242420043434300444444004</w:t>
      </w:r>
      <w:r w:rsidRPr="00E163DE">
        <w:rPr>
          <w:rFonts w:ascii="Courier New" w:hAnsi="Courier New" w:cs="Courier New"/>
          <w:lang w:val="pt-BR"/>
        </w:rPr>
        <w:t>5454500464646004747470048484800494949004a4a4a004b4b4b004c4c4c004d4d4d004e4e4e004f4f4f00505050005151510052525200535353005454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540055555500565656005757570058585800595959005a5a5a005b5b5b005c5c5c005d5d5d005e5e5e005f5f5f00606060006161610062626200636363006464640</w:t>
      </w:r>
      <w:r w:rsidRPr="00E163DE">
        <w:rPr>
          <w:rFonts w:ascii="Courier New" w:hAnsi="Courier New" w:cs="Courier New"/>
          <w:lang w:val="pt-BR"/>
        </w:rPr>
        <w:t>0656565006666660067676700686868006a6a6a006b6b6b006c6c6c006d6d6d006e6e6e006f6f6f0070707000717171007272720073737300747474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757575007676760078787800797979007a7a7a007b7b7b007c7c7c007d7d7d007e7e7e007f7f7f0081818100828282008383830084848400858585008787870088888</w:t>
      </w:r>
      <w:r w:rsidRPr="00E163DE">
        <w:rPr>
          <w:rFonts w:ascii="Courier New" w:hAnsi="Courier New" w:cs="Courier New"/>
          <w:lang w:val="pt-BR"/>
        </w:rPr>
        <w:t>800898989008a8a8a008b8b8b008c8c8c008d8d8d008e8e8e008f8f8f00909090009191910092929200939393009494940095959500979797009898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9800999999009a9a9a009b9b9b009c9c9c009e9e9e009f9f9f00a0a0a000a1a1a100a2a2a200a3a3a300a5a5a500a6a6a600a7a7a700a8a8a800a9a9a900aaaaaa00aba</w:t>
      </w:r>
      <w:r w:rsidRPr="00E163DE">
        <w:rPr>
          <w:rFonts w:ascii="Courier New" w:hAnsi="Courier New" w:cs="Courier New"/>
          <w:lang w:val="pt-BR"/>
        </w:rPr>
        <w:t>bab00acacac00adadad00aeaeae00afafaf00b0b0b000b1b1b100b3b3b300b4b4b400b5b5b500b6b6b600b7b7b700b8b8b800b9b9b900bababa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bbbbbb00bcbcbc00bdbdbd00bebebe00bfbfbf00c1c1c100c2c2c200c3c3c300c4c4c400c5c5c500696969007777770086868600969696009d9d9d00a4a4a400b2b2b200c</w:t>
      </w:r>
      <w:r w:rsidRPr="00E163DE">
        <w:rPr>
          <w:rFonts w:ascii="Courier New" w:hAnsi="Courier New" w:cs="Courier New"/>
          <w:lang w:val="pt-BR"/>
        </w:rPr>
        <w:t>6c6c600c7c7c700c8c8c800c9c9c900cacaca00cbcbcb00cccccc00cdcdcd00cecece00cfcfcf00d0d0d000d1d1d100d2d2d200d3d3d300d4d4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d400d5d5d500d6d6d600d7d7d700d8d8d800d9d9d900dadada00dbdbdb00dcdcdc00dddddd00dedede00dfdfdf00e0e0e000e1e1e100e2e2e200e3e3e300e4e4e400e5e5e50</w:t>
      </w:r>
      <w:r w:rsidRPr="00E163DE">
        <w:rPr>
          <w:rFonts w:ascii="Courier New" w:hAnsi="Courier New" w:cs="Courier New"/>
          <w:lang w:val="pt-BR"/>
        </w:rPr>
        <w:t>0e6e6e600e7e7e700e8e8e800e9e9e900eaeaea00ebebeb00ececec00ededed00eeeeee00f0fbff00a4a0a000808080000000ff0000ff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ffff00ff000000ff00ff00ffff0000ffffff00f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5c094f8f87849494949494969f8f894c0f5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e6f84916000000000000000000000000000000000000164978b2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00fffffffffff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a24900000000000016494978f8f8f8f8f8f8784949390000000000001659e6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8160000004978a2c0fffffffffffffffffff5d7ffffffffffd7b2f8590000001694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00001678e6ffffffe6f8b2d739000000c0d7160000a2ff7878e6fffffff5a2230000c0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0000c0ffa259fff5c000f8f50039c0c0e64900a25900fff800b2c0ff49a2ffff0000c0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ffffffffffffffffffffd794f869496</w:t>
      </w:r>
      <w:r w:rsidRPr="00E163DE">
        <w:rPr>
          <w:rFonts w:ascii="Courier New" w:hAnsi="Courier New" w:cs="Courier New"/>
          <w:lang w:val="pt-BR"/>
        </w:rPr>
        <w:t>9f894ffff0000c0ff4900f800a200f8ff2349ffffff4923ffc000fff8009400b20049ffff0000c0ffb2f8f8494978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8b2e6fffffffffffffffffffffffffffffffffffffffffffffffffffffff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4994ffffe6d7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b278230000000000000000ffff0000c0fff84959009400c0ff491639f8ff4949ffc000ffc000f800f80049ffff0000c0ff4900000000000000003978e6fffffffffffffffffffffffffff</w:t>
      </w:r>
      <w:r w:rsidRPr="00E163DE">
        <w:rPr>
          <w:rFonts w:ascii="Courier New" w:hAnsi="Courier New" w:cs="Courier New"/>
          <w:lang w:val="pt-BR"/>
        </w:rPr>
        <w:t>fffffffffffffffffffb2ffffb249d7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b20059ff9416c0ffa2ffffffffffffffffffffffffffffffffffe669000000000039497869390000ffff0</w:t>
      </w:r>
      <w:r w:rsidRPr="00E163DE">
        <w:rPr>
          <w:rFonts w:ascii="Courier New" w:hAnsi="Courier New" w:cs="Courier New"/>
          <w:lang w:val="pt-BR"/>
        </w:rPr>
        <w:t>000c0fff84923003900c0ff492378a2ff4949ffc000ffc0004900490078ffff0000c0ff49004969494949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49b2ffffffffffffffffffffffffffffffffffb2ffff5939ffa20049fff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940000c0690059ff23b2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e6690000000049a2f5ffffffffc00000fff50000c0fff82300230000c0ff1649ffe6ff3900ffc000d7c00000390000f8ffff0000c0ff4900f8ffffffffffb2782300000023a2fffffffffffffffffffffffffffff</w:t>
      </w:r>
      <w:r w:rsidRPr="00E163DE">
        <w:rPr>
          <w:rFonts w:ascii="Courier New" w:hAnsi="Courier New" w:cs="Courier New"/>
          <w:lang w:val="pt-BR"/>
        </w:rPr>
        <w:t>f23c0b20000c0160023f5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55900000016000000690078ffffffffffffffffffffffffd7690000002394e6ffffff4916ffffc0000069000000c0fff80</w:t>
      </w:r>
      <w:r w:rsidRPr="00E163DE">
        <w:rPr>
          <w:rFonts w:ascii="Courier New" w:hAnsi="Courier New" w:cs="Courier New"/>
          <w:lang w:val="pt-BR"/>
        </w:rPr>
        <w:t>000780000b2f500164900ff0000ffb200c0b20000a2000049ffff000000392300f8ffff1649d7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c04900000023a2ffffffffffffffffffffffffc000394900000000000016b2fffffffff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5390000000000000000000049ffffffffffffffffffffc04900000023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a2ffc069ffc0ff4949ffffc0000000000000c0fff80000d7003994e6f8f8f8c0fff8f8ffc0f8c0f82300f5230049ffff000000000000f8ffff4900c0ffc069c0ffc04900000023a2ffffffffffffffffffff94000000000</w:t>
      </w:r>
      <w:r w:rsidRPr="00E163DE">
        <w:rPr>
          <w:rFonts w:ascii="Courier New" w:hAnsi="Courier New" w:cs="Courier New"/>
          <w:lang w:val="pt-BR"/>
        </w:rPr>
        <w:t>0000000000000a2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49000000000000000000000049ffffffffffffffffc04900000023a2ffffff4900b200c04949ffffc0000000000000c0ff7869b2fffffff</w:t>
      </w:r>
      <w:r w:rsidRPr="00E163DE">
        <w:rPr>
          <w:rFonts w:ascii="Courier New" w:hAnsi="Courier New" w:cs="Courier New"/>
          <w:lang w:val="pt-BR"/>
        </w:rPr>
        <w:t>fffffffffffffffffffffffffffffffffd7f859ffff000000000000f8ffff6900fffff5004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e6ffc0490000003994f5fffffffffffffff8000000000000000000000000c0fffffffffffffff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6900000000000000000000000069fffffffffff5a24900000023a2f5f8f8e6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7800f800694949ffffc0000000000000c0ffffffffc0b2f87849490000000000000016494969f8f8c0ffffffffff000000000000f8fffff8002394ff5939e66916b2ffe6690000000069c0ffffffffffb20000000000000000000</w:t>
      </w:r>
      <w:r w:rsidRPr="00E163DE">
        <w:rPr>
          <w:rFonts w:ascii="Courier New" w:hAnsi="Courier New" w:cs="Courier New"/>
          <w:lang w:val="pt-BR"/>
        </w:rPr>
        <w:t>0000016d7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d7c0c0c0c0b2c0d7fffffff56900000000000000000000000000a2ffffffb2690000000023a2fff516000049fff8005900163949ffffc0000000000000c0e6a2591600000000000000000</w:t>
      </w:r>
      <w:r w:rsidRPr="00E163DE">
        <w:rPr>
          <w:rFonts w:ascii="Courier New" w:hAnsi="Courier New" w:cs="Courier New"/>
          <w:lang w:val="pt-BR"/>
        </w:rPr>
        <w:t>00000000000000000000000005994d7ff000000000000f8fffff8005900f8a2000016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f5f5c0e6e669000000002394e6fffff50000000000000000000000000016c0ffffffd7b2f8f8f8f8a2c0f5ffffffffffffffffffffffffffffffffffffffffffffffffffffffffffffffffffffff490000000000000000394939000</w:t>
      </w:r>
      <w:r w:rsidRPr="00E163DE">
        <w:rPr>
          <w:rFonts w:ascii="Courier New" w:hAnsi="Courier New" w:cs="Courier New"/>
          <w:lang w:val="pt-BR"/>
        </w:rPr>
        <w:t>0000000000000000000000016946939000000000059c0ffffff9400a2a200fff8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1649000049ffffc0000000000000230000000000234969f8f8b2c0c0c0c0c0c0a2f8f8784916000000000016000000000000f8fffff800f50049d700490059f5390000a2fff5a239000000002369f839000000000000000000000000000</w:t>
      </w:r>
      <w:r w:rsidRPr="00E163DE">
        <w:rPr>
          <w:rFonts w:ascii="Courier New" w:hAnsi="Courier New" w:cs="Courier New"/>
          <w:lang w:val="pt-BR"/>
        </w:rPr>
        <w:t>04923000000000000000000c0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490023494949160000000000000000000000000000000000000000000000004994e6ffa223e6fff800ffc000fff8000094390023ffffc000000000000000002369b2f5fffffffffffffffffffffffff</w:t>
      </w:r>
      <w:r w:rsidRPr="00E163DE">
        <w:rPr>
          <w:rFonts w:ascii="Courier New" w:hAnsi="Courier New" w:cs="Courier New"/>
          <w:lang w:val="pt-BR"/>
        </w:rPr>
        <w:t>ffffffffffff5c094230000000000000000f8ffff7800f80049ff006900b294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69f8f8ffb2f5ffe6f823000000000000000000000000000000000000000000000016494949490000c0ffffffffffffffffffffffffffffffffffffffffffffffffffffffffffffffffffffff4900f8ffffffffff490000000000000000000</w:t>
      </w:r>
      <w:r w:rsidRPr="00E163DE">
        <w:rPr>
          <w:rFonts w:ascii="Courier New" w:hAnsi="Courier New" w:cs="Courier New"/>
          <w:lang w:val="pt-BR"/>
        </w:rPr>
        <w:t>000000000000000164978b2f5fff5e6ff2300fffff800ffc000fff80000c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a259f8ffffc00000000000000000f8ffffffffffffffffffffffffffffffffffffffffffffffffc00000000000000000f8fffff8492349d7ff390000f54900fffff5ff4916c0ffffffd7a2f849160000000000000000000000000000000000c0f</w:t>
      </w:r>
      <w:r w:rsidRPr="00E163DE">
        <w:rPr>
          <w:rFonts w:ascii="Courier New" w:hAnsi="Courier New" w:cs="Courier New"/>
          <w:lang w:val="pt-BR"/>
        </w:rPr>
        <w:t>fffffffff0000c0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4900f8ffffffffffc00000000000000000000078f8f8f8c0c0f5fffffffff81600f8ff4900fffff800ffb200d7782378f5ffffffffffc00000000000000000f8fffffffffffffffffffffffffffffffffffffffff</w:t>
      </w:r>
      <w:r w:rsidRPr="00E163DE">
        <w:rPr>
          <w:rFonts w:ascii="Courier New" w:hAnsi="Courier New" w:cs="Courier New"/>
          <w:lang w:val="pt-BR"/>
        </w:rPr>
        <w:t>fffffffc00000000000000000f8ffffffffffffffff490039ff6923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800c0ffffd7a2e6fffffff5c0b2f8f8f84900000000000000000049ffffffffffff0000c0ffffffffffffffffffffffffffffffffffffffffffffffffffffffffffffffffffffff4900f8ffffffffffff390000000000000039d7fffffffff</w:t>
      </w:r>
      <w:r w:rsidRPr="00E163DE">
        <w:rPr>
          <w:rFonts w:ascii="Courier New" w:hAnsi="Courier New" w:cs="Courier New"/>
          <w:lang w:val="pt-BR"/>
        </w:rPr>
        <w:t>fffd7f8a2ff780069a2d7ff5949ffff7800fff800d7d7ffffb2694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49491600000000000000000094fffffffffffffffffffffffff5ffffffffffffffffffffffc00000000000000000000000004959a2f5fff5a2f8fff800f5fffffff800e6ffb2000000d7ffe6d7ffffffffffff690000000000000000d7ffffffffffff0</w:t>
      </w:r>
      <w:r w:rsidRPr="00E163DE">
        <w:rPr>
          <w:rFonts w:ascii="Courier New" w:hAnsi="Courier New" w:cs="Courier New"/>
          <w:lang w:val="pt-BR"/>
        </w:rPr>
        <w:t>000c0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4900f8fffffffffffff800000000000000d7e600000059d7ffc000f8ff2323fffffffff816ffd74900e6c0e6f5a25916000000000000000000000000000016e6fffffffffffffffffff5f82316f8f5ffffffffffffffffffff3</w:t>
      </w:r>
      <w:r w:rsidRPr="00E163DE">
        <w:rPr>
          <w:rFonts w:ascii="Courier New" w:hAnsi="Courier New" w:cs="Courier New"/>
          <w:lang w:val="pt-BR"/>
        </w:rPr>
        <w:t>90000000000000000000000000000005994e6ffffe60069f5f5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800fffff800e65923ffa200b2ffff4900c0ff5900000000000016ffffffffffffff0000c0ffffffffffffffffffffffffffffffffffffffffffffffffffffffffffffffffffffff4900f8ffffffffffffc000000000000049ffff3900781616f5ff00f8f</w:t>
      </w:r>
      <w:r w:rsidRPr="00E163DE">
        <w:rPr>
          <w:rFonts w:ascii="Courier New" w:hAnsi="Courier New" w:cs="Courier New"/>
          <w:lang w:val="pt-BR"/>
        </w:rPr>
        <w:t>50049fffffffff800a2492369f5f5f81600000000497849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39d7fffffffffffffffff5f8160000000016f8f5fffffffffffffffff569000000000000000000237849000000000069e6ffa2000094a2f800fffff800fff800ffc000b249a2f800c0ffb200000000000059ffffffffffffff0000c0fffff</w:t>
      </w:r>
      <w:r w:rsidRPr="00E163DE">
        <w:rPr>
          <w:rFonts w:ascii="Courier New" w:hAnsi="Courier New" w:cs="Courier New"/>
          <w:lang w:val="pt-BR"/>
        </w:rPr>
        <w:t>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4900f8fffffffffffff5000000000000f8ffff7800ff7800a2ff00f8d70059fffff5ff780000f8e6f5f81600000059a2f5ffff940000000000000016f8ffffffffffffffffff9416000000000000000016f8ffffffffffffffffffb239000</w:t>
      </w:r>
      <w:r w:rsidRPr="00E163DE">
        <w:rPr>
          <w:rFonts w:ascii="Courier New" w:hAnsi="Courier New" w:cs="Courier New"/>
          <w:lang w:val="pt-BR"/>
        </w:rPr>
        <w:t>0000000000069ffffffc0691600000069d7e6f894003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fffff800fff800ffc000780039f800c0ffff000000000000f8ffffffffffffff0000c0ffffffffffffffffffffffffffffffffffffffffffffffffffffffffffffffffffffff4900f8ffffffffffffff000000000000f8fffff800ffc00059ff00f8ff2323f5d76</w:t>
      </w:r>
      <w:r w:rsidRPr="00E163DE">
        <w:rPr>
          <w:rFonts w:ascii="Courier New" w:hAnsi="Courier New" w:cs="Courier New"/>
          <w:lang w:val="pt-BR"/>
        </w:rPr>
        <w:t>9000069e6f5f81600000069e6fffffffffff5694916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3949a2f5ffffffffffffffffe64900000000000000000000000039d7ffffffffffffffffffc0f84923234978e6fffffffffff5942300000049c0f59423007894f800ff9400ffe600490000f800c0ffff000000000000f8ffffffffffffff0000c0fffffffffffffff</w:t>
      </w:r>
      <w:r w:rsidRPr="00E163DE">
        <w:rPr>
          <w:rFonts w:ascii="Courier New" w:hAnsi="Courier New" w:cs="Courier New"/>
          <w:lang w:val="pt-BR"/>
        </w:rPr>
        <w:t>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4900f8ffffffffffffff000000000000c0fffff800ffc00069ff00f8fff8002300a278e6e6f81600000069e6ffffffffffffffffffffffffffffffffffffffffffffffb216000000000000000000000000000000f8fffffffffffffffffffffffffffff</w:t>
      </w:r>
      <w:r w:rsidRPr="00E163DE">
        <w:rPr>
          <w:rFonts w:ascii="Courier New" w:hAnsi="Courier New" w:cs="Courier New"/>
          <w:lang w:val="pt-BR"/>
        </w:rPr>
        <w:t>fffffffffffffffffffa22300000049c0ffa24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597800ffc000ffc0000023002300c0ffff000000000000f8ffffffffffffff0000e6ffffffffffffffffffffffffffffffffffffffffffffffffffffffffffffffffffffff4900f8ffffffffffffc0000000000000c0ffff7800ff780094c000f8ffff945969e6c05900000</w:t>
      </w:r>
      <w:r w:rsidRPr="00E163DE">
        <w:rPr>
          <w:rFonts w:ascii="Courier New" w:hAnsi="Courier New" w:cs="Courier New"/>
          <w:lang w:val="pt-BR"/>
        </w:rPr>
        <w:t>00069e6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55900000000000000000000000000000016000039f5ffffffffffffffffffffffffffffffffffffffffffffffffa22300000049c0ffffa239d7a200f5c0000078230000c0ffff00000000000059ffffffffffffff0000fffffffffffffffffffffffffff</w:t>
      </w:r>
      <w:r w:rsidRPr="00E163DE">
        <w:rPr>
          <w:rFonts w:ascii="Courier New" w:hAnsi="Courier New" w:cs="Courier New"/>
          <w:lang w:val="pt-BR"/>
        </w:rPr>
        <w:t>fffffffffffffffffffff04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4900f8ffffffffffffa2000000000000f8ffff4900490039f5b20069fffffff5a2230000001678e6fffffffffffffffffffffffffffffffffffffffffffffffff53900000094490000000000000000000000d739000016d7fffffffffffffffffffffffffffffffff</w:t>
      </w:r>
      <w:r w:rsidRPr="00E163DE">
        <w:rPr>
          <w:rFonts w:ascii="Courier New" w:hAnsi="Courier New" w:cs="Courier New"/>
          <w:lang w:val="pt-BR"/>
        </w:rPr>
        <w:t>fffffffffffffffffb2490000002378e6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b269c0a20000b2780000c0ffff00000000000000ffffffffffffff0000ffffffffffffffffffffffffffffffffffffffffffffffffffffffffffffffffffffffff49002349494949f8943900000000000078ffff78f8f8a2f5ffe6fff5b278490000000039a2fffffffffffff</w:t>
      </w:r>
      <w:r w:rsidRPr="00E163DE">
        <w:rPr>
          <w:rFonts w:ascii="Courier New" w:hAnsi="Courier New" w:cs="Courier New"/>
          <w:lang w:val="pt-BR"/>
        </w:rPr>
        <w:t>fa2b2ffffd7e6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e639000023d7ff490000000000000000000000fff578000016d7ffffffffffffffffffffffffffffc0ffffc0f8ffffffffffffffc0490000000039f8c0ffffffd7c0f5d7f8f8e6ffd700000000000000697849494900000000fffffffffffffffffffffffffffffffffffff</w:t>
      </w:r>
      <w:r w:rsidRPr="00E163DE">
        <w:rPr>
          <w:rFonts w:ascii="Courier New" w:hAnsi="Courier New" w:cs="Courier New"/>
          <w:lang w:val="pt-BR"/>
        </w:rPr>
        <w:t>fffffffffff00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4900000000000000000000000000000039c0d7ffffffd7c0b2783900000000000069c0fffffffffff8a2fffff80059ffc016d7ffffffffffffffffffffffd716000049f5ffff490000000000000000000000ffffffa2000000a2ffffffffffffffffffffffe623f8ff940049fff</w:t>
      </w:r>
      <w:r w:rsidRPr="00E163DE">
        <w:rPr>
          <w:rFonts w:ascii="Courier New" w:hAnsi="Courier New" w:cs="Courier New"/>
          <w:lang w:val="pt-BR"/>
        </w:rPr>
        <w:t>fa259f5ffffffffe6f823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3978f8b2c0d7ffd7c0c09400000000000000000000000000000000ffffffffffffffffffffffffffffffffffffffffffffffffffffffffffffffffffffffffa2f8f8b2a2f878230000000000000000000000000000000000000000003978b2fffffffffffffffff80039fff80000d7c</w:t>
      </w:r>
      <w:r w:rsidRPr="00E163DE">
        <w:rPr>
          <w:rFonts w:ascii="Courier New" w:hAnsi="Courier New" w:cs="Courier New"/>
          <w:lang w:val="pt-BR"/>
        </w:rPr>
        <w:t>00016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d7160000f8ffffffff490000000000000000000000ffffffffa2000000a2ffffffffffffffffffff4900f8f5000049ff690039ffffffffffffffffd7f83900000000000000000000000000000000000000000016f8f8a2c0a2f8f8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6900000000000000000000000000000000004978b2f5ffffffffffffffffffffff7800007839000069390000c0fffffffffffffffff516000069ffffffffff490000000000000000000000ffffffffffd7160000d7ffffffffffffffffd7000023a200002394000039fffff</w:t>
      </w:r>
      <w:r w:rsidRPr="00E163DE">
        <w:rPr>
          <w:rFonts w:ascii="Courier New" w:hAnsi="Courier New" w:cs="Courier New"/>
          <w:lang w:val="pt-BR"/>
        </w:rPr>
        <w:t>ffffffffffffffffff5b2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869491600000000000000000000000000000049e6fffffffffffffffffffffffffffffffffffffffffffffffffffffffffffffffffffffffffffffffffffffffffffffffffffff569000000000000000069c0c0c0d7ffffffffffffffffffffffffffffffe669000000000000000000000059fff</w:t>
      </w:r>
      <w:r w:rsidRPr="00E163DE">
        <w:rPr>
          <w:rFonts w:ascii="Courier New" w:hAnsi="Courier New" w:cs="Courier New"/>
          <w:lang w:val="pt-BR"/>
        </w:rPr>
        <w:t>ffffffffffff539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69ffffffffffff490000000000000000000000ffffffffffffb2000016d7ffffffffffffff94000000000000000000000049e6ffffffffffffffffffffffffffffffffffffffd7160000000000000023c0ffffffffffffffffffffffffffffffffffffffffffffffffffffffffffffffff00fffffff</w:t>
      </w:r>
      <w:r w:rsidRPr="00E163DE">
        <w:rPr>
          <w:rFonts w:ascii="Courier New" w:hAnsi="Courier New" w:cs="Courier New"/>
          <w:lang w:val="pt-BR"/>
        </w:rPr>
        <w:t>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690000000000000000a2fffffffffffffffffffffffffffffffffff53900000000000000000000000000d7ffffffffffff59000069ffffffffffffff490000000000000000000000fffffffffffffff8000039f5ffffffffffff1600000000000000000000000016d7fffffffff</w:t>
      </w:r>
      <w:r w:rsidRPr="00E163DE">
        <w:rPr>
          <w:rFonts w:ascii="Courier New" w:hAnsi="Courier New" w:cs="Courier New"/>
          <w:lang w:val="pt-BR"/>
        </w:rPr>
        <w:t>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d7160000000000000016f5fffffffffffffffffffffffffffffffffffffffffffffffffffffffffffffffffffdffffffffffffffffffffffffffffffffffffffffffff490000000000000000f8ffffffffffffffffffffffffffffffff590000000000000000000000000000c0ffffffffff7</w:t>
      </w:r>
      <w:r w:rsidRPr="00E163DE">
        <w:rPr>
          <w:rFonts w:ascii="Courier New" w:hAnsi="Courier New" w:cs="Courier New"/>
          <w:lang w:val="pt-BR"/>
        </w:rPr>
        <w:t>8000059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490000000000000000000000ffffffffffffffff69000039ffffffffffff000000000000000000000000000023f5ffffffffffffffffffffffffffffffb2160000000000000000d7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e600000000000000000039e6fffffffffffffffffffffffff569000000000000000000000000000016ffffffffffc0000039f5ffffffffffffffff490000000000000000000000fffffffffffffffff5390000f8ffffffffff49000000000000000000000000000023d7fffffffffffffff</w:t>
      </w:r>
      <w:r w:rsidRPr="00E163DE">
        <w:rPr>
          <w:rFonts w:ascii="Courier New" w:hAnsi="Courier New" w:cs="Courier New"/>
          <w:lang w:val="pt-BR"/>
        </w:rPr>
        <w:t>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7800000000000000000059fffffffffffffffffffffffffffffffffffffffffffffffffffffffffffffffffffffff9ffffffffffffffffffffffffffffffffffffffffffffff6900000000000000000016c0fffffffffffffffff5f8781600000000000000000000000000000094fffffffff5230000d7fffff</w:t>
      </w:r>
      <w:r w:rsidRPr="00E163DE">
        <w:rPr>
          <w:rFonts w:ascii="Courier New" w:hAnsi="Courier New" w:cs="Courier New"/>
          <w:lang w:val="pt-BR"/>
        </w:rPr>
        <w:t>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490000000000000000000000fffffffffffffffffff5160016e6ffffffffe60000000000000000000000000000000049f8c0fffffffffffffffff53900000000000000000000c0ffffffffffffffffffffffffffffffffffffffffffffffffffffffffffffffffffffff00fffffffffffffffffffffffffff</w:t>
      </w:r>
      <w:r w:rsidRPr="00E163DE">
        <w:rPr>
          <w:rFonts w:ascii="Courier New" w:hAnsi="Courier New" w:cs="Courier New"/>
          <w:lang w:val="pt-BR"/>
        </w:rPr>
        <w:t>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a20000000000000000000000a2fffffffffffffff52300000000000000000000000000000049b2fffffffffff80000f8ffffffffffffffffffff490000000000000000000000ffffffffffffffffffffd7000049ffffffffffd74900000000000000000000000000000000d7fffffffffffffff5390</w:t>
      </w:r>
      <w:r w:rsidRPr="00E163DE">
        <w:rPr>
          <w:rFonts w:ascii="Courier New" w:hAnsi="Courier New" w:cs="Courier New"/>
          <w:lang w:val="pt-BR"/>
        </w:rPr>
        <w:t>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39ffffffffffffffffffffffffffffffffffffffffffffffffffffffffffffffffffffffffffffffffffffffffffffffffffffffffffffffffffffffffd7000000000000000000000000d7ffffffffffffffc0000000000000000000003969f8b2f5ffffffffffffd7000039fffffffffffffffffff</w:t>
      </w:r>
      <w:r w:rsidRPr="00E163DE">
        <w:rPr>
          <w:rFonts w:ascii="Courier New" w:hAnsi="Courier New" w:cs="Courier New"/>
          <w:lang w:val="pt-BR"/>
        </w:rPr>
        <w:t>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490000000000000000000000fffffffffffffffffffffff8000094ffffffffffffffc094693900000000000000000000f8fffffffffffffff5160000000000000000000000f8fffffffffffffffffffffffffffffffffffffffffffffffffffffffffffffffffffffffffd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00000000000000000000000049ffffffffffffffff590000000000000069e6ffffffffffffffffffffff490000d7ffffffffffffffffffffff490000000000000000000000ffffffffffffffffffffffff230016f5fffffffffffffffffffff5f80000000000000023ffffffffffffffff69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</w:t>
      </w:r>
      <w:r w:rsidRPr="00E163DE">
        <w:rPr>
          <w:rFonts w:ascii="Courier New" w:hAnsi="Courier New" w:cs="Courier New"/>
          <w:lang w:val="pt-BR"/>
        </w:rPr>
        <w:t>0000000000094fffffffffffffffffffffffffffffffffffffffffffffffffffffffffffffffffffffffffaffffffffffffffffffffffffffffffffffffffffffffffff39000000000000000000000000b2ffffffffffffffd700000000000059ffffffffffffffffffffffffc00000f8ffffffffffffffffffffffff4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</w:t>
      </w:r>
      <w:r w:rsidRPr="00E163DE">
        <w:rPr>
          <w:rFonts w:ascii="Courier New" w:hAnsi="Courier New" w:cs="Courier New"/>
          <w:lang w:val="pt-BR"/>
        </w:rPr>
        <w:t>0000000000000000000ffffffffffffffffffffffffb20000f8ffffffffffffffffffffffffa2000000000000a2fffffffffffffff500000000000000000000000000c0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</w:t>
      </w:r>
      <w:r w:rsidRPr="00E163DE">
        <w:rPr>
          <w:rFonts w:ascii="Courier New" w:hAnsi="Courier New" w:cs="Courier New"/>
          <w:lang w:val="pt-BR"/>
        </w:rPr>
        <w:t>fff4900000000000000000000000069ffffffffffffffff000000000000f5ffffffffffffffffffffffff490016f5ffffffffffffffffffffffff490000000000000000000000ffffffffffffffffffffffffff490016f5ffffffffffffffffffffffff390000000000c0ffffffffffffffa2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</w:t>
      </w:r>
      <w:r w:rsidRPr="00E163DE">
        <w:rPr>
          <w:rFonts w:ascii="Courier New" w:hAnsi="Courier New" w:cs="Courier New"/>
          <w:lang w:val="pt-BR"/>
        </w:rPr>
        <w:t>0f5ffffffffffffffffffffffffffffffffffffffffffffffffffffffffffffffffffffffffffffffffffffffffffffffffffffffffffffffffffffffffff4900000000000000000000000016ffffffffffffffff000000000049ffffffffffffffffffffffffc00000f8ffffffffffffffffffffffffff49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</w:t>
      </w:r>
      <w:r w:rsidRPr="00E163DE">
        <w:rPr>
          <w:rFonts w:ascii="Courier New" w:hAnsi="Courier New" w:cs="Courier New"/>
          <w:lang w:val="pt-BR"/>
        </w:rPr>
        <w:t>000000000ffffffffffffffffffffffffffd70000f8fffffffffffffffffffffffff80000000000a2ffffffffffffff7800000000000000000000000000ffffffffffffffffffffffffffffffffffffffffffffffffffffffffffffffffffffffffffffffffffffffffffffffffffffffffffffb269496994f5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4900000</w:t>
      </w:r>
      <w:r w:rsidRPr="00E163DE">
        <w:rPr>
          <w:rFonts w:ascii="Courier New" w:hAnsi="Courier New" w:cs="Courier New"/>
          <w:lang w:val="pt-BR"/>
        </w:rPr>
        <w:t>000000000000000000000d7ffffffffffffc00000000000f8ffffffffffffffffffffffff490000e6ffffffffffffffffffffffffff490000000000000000000000ffffffffffffffffffffffffffff230016f5ffffffffffffffffffffffc0000000000059ffffffffffffff49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c0ffffc0f</w:t>
      </w:r>
      <w:r w:rsidRPr="00E163DE">
        <w:rPr>
          <w:rFonts w:ascii="Courier New" w:hAnsi="Courier New" w:cs="Courier New"/>
          <w:lang w:val="pt-BR"/>
        </w:rPr>
        <w:t>8f8f8f8e6ffffffffffffffffffffffffffffffffffffffffffffffffffffffffffffffffffffffffffffffffffffffff6900000000001694ff4900000000000000000000000000c0ffffffffffff23000000000049ffffffffffffffffffffffd7000069ffffffffffffffffffffffffffff49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f</w:t>
      </w:r>
      <w:r w:rsidRPr="00E163DE">
        <w:rPr>
          <w:rFonts w:ascii="Courier New" w:hAnsi="Courier New" w:cs="Courier New"/>
          <w:lang w:val="pt-BR"/>
        </w:rPr>
        <w:t>fffffffffffffffffffffffffff94000094ffffffffffffffffffffffc0000000000000d7ffffffffffff4900000000000000000000000000c0d749000000000016d7ffffffffffffffffffffffffffffffffffffffffffffffffffffffffffffffffffffffffffffffffffffa200000000000000006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16000000000000000</w:t>
      </w:r>
      <w:r w:rsidRPr="00E163DE">
        <w:rPr>
          <w:rFonts w:ascii="Courier New" w:hAnsi="Courier New" w:cs="Courier New"/>
          <w:lang w:val="pt-BR"/>
        </w:rPr>
        <w:t>00000000000c0ffffffffc04900000000000049fffffffffffffffffffffff80000d7ffffffffffffffffffffffffffff490000000000000000000000fffffffffffffffffffffffffffff5000049ffffffffffffffffffffffa200000000000016a2ffffffffff49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9416000000000000002</w:t>
      </w:r>
      <w:r w:rsidRPr="00E163DE">
        <w:rPr>
          <w:rFonts w:ascii="Courier New" w:hAnsi="Courier New" w:cs="Courier New"/>
          <w:lang w:val="pt-BR"/>
        </w:rPr>
        <w:t>3ffffffffffffffffffffffffffffffffffffffffffffffffffffffffffffffffffffffffffffffffffff490000000000000000000000000000000000000000000000d7ffa20000000000000000000039ffffffffffffffffffffff39000049494949494949494949494949494916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49494949494</w:t>
      </w:r>
      <w:r w:rsidRPr="00E163DE">
        <w:rPr>
          <w:rFonts w:ascii="Courier New" w:hAnsi="Courier New" w:cs="Courier New"/>
          <w:lang w:val="pt-BR"/>
        </w:rPr>
        <w:t>9494949494949494949160000f5ffffffffffffffffffff690000000000000000000059ffff490000000000000000000000000000000000000000000000c0ffffffffffffffffffffffffffffffffffffffffffffffffffffffffffffffffffffffffffffffffff1600000023f859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</w:t>
      </w:r>
      <w:r w:rsidRPr="00E163DE">
        <w:rPr>
          <w:rFonts w:ascii="Courier New" w:hAnsi="Courier New" w:cs="Courier New"/>
          <w:lang w:val="pt-BR"/>
        </w:rPr>
        <w:t>0ffff490000000000000000000000a2ffffffffffffffffffe6000000000000000000000000000000000000000000000000000000000000000000000000000000000000000000000000a2ffffffffffffffffffe6000000000000000000000000e6ff59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2378690000000094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00000000d7ffffe639000000000000000000000000000049ffc000000000000000000000000016d7ffffffffffffffff940000000000000000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</w:t>
      </w:r>
      <w:r w:rsidRPr="00E163DE">
        <w:rPr>
          <w:rFonts w:ascii="Courier New" w:hAnsi="Courier New" w:cs="Courier New"/>
          <w:lang w:val="pt-BR"/>
        </w:rPr>
        <w:t>00000000000000059ffffffffffffffffe639000000000000000000000000f8fff800000000000000000000000000000069ffffff5900000094ffffffffffffffffffffffffffffffffffffffffffffffffffffffffffffffffffffffffffffffffff49000000e6fffffff523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a2f53900000</w:t>
      </w:r>
      <w:r w:rsidRPr="00E163DE">
        <w:rPr>
          <w:rFonts w:ascii="Courier New" w:hAnsi="Courier New" w:cs="Courier New"/>
          <w:lang w:val="pt-BR"/>
        </w:rPr>
        <w:t>0000000000000000000000069e6ffffffffffff4900000000000000000000000000000000000000000000000000000000000000000000000000000000000000000000000000fffffffffffff5f8160000000000000000000000000000a2e60000000000000000000000000000f8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49000000d7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7800000094ffffffffa200000000000000000000000023c0390000000000000000000000000000000059ffffffffffff0000000000000000000000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</w:t>
      </w:r>
      <w:r w:rsidRPr="00E163DE">
        <w:rPr>
          <w:rFonts w:ascii="Courier New" w:hAnsi="Courier New" w:cs="Courier New"/>
          <w:lang w:val="pt-BR"/>
        </w:rPr>
        <w:t>0000000c0ffffffffff940000000000000000000000000000000000f84900000000000000000000000016f5ffffffff39000016ffffffffffffffffffffffffffffffffffffffffffffffffffffffffffffffffffffffffffffffffffffd700000059fffffffff5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</w:t>
      </w:r>
      <w:r w:rsidRPr="00E163DE">
        <w:rPr>
          <w:rFonts w:ascii="Courier New" w:hAnsi="Courier New" w:cs="Courier New"/>
          <w:lang w:val="pt-BR"/>
        </w:rPr>
        <w:t>0000000000000a2fffffffffffff50000000000000000000000000000000000000000000000000000000000000000000000000000000000000000000000000000b2ffffffffffffd7000000000000000000000000000000000000000000000000000000000000a2ffffffffe6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59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39000000f5ffffffff490000000000000000000000000000000000000000000000000000000049ffffffffffffffc000000000000000000000000000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f8f</w:t>
      </w:r>
      <w:r w:rsidRPr="00E163DE">
        <w:rPr>
          <w:rFonts w:ascii="Courier New" w:hAnsi="Courier New" w:cs="Courier New"/>
          <w:lang w:val="pt-BR"/>
        </w:rPr>
        <w:t>fffffffffffff690000000000000000000000000000000000000000000000000000000000c0ffffffff78000000c0ffffffffffffffffffffffffffffffffffffffffffffffffffffffffffffffffffffffffffffffffffffffa2000000f8ffffffff78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00000</w:t>
      </w:r>
      <w:r w:rsidRPr="00E163DE">
        <w:rPr>
          <w:rFonts w:ascii="Courier New" w:hAnsi="Courier New" w:cs="Courier New"/>
          <w:lang w:val="pt-BR"/>
        </w:rPr>
        <w:t>0b2ffffffffffffff94000000000000000000000000000000000000000000000000000000000000000000000000000000000000000000000000000059ffffffffffffffe60000000000000000000000000000000000000000000000000000000000fffffffff516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49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23000016ffffffff9400000000000000000000000000000000000000000000000000000023fffffffffffffffff8000000000000000000000000000000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49fffffffffff</w:t>
      </w:r>
      <w:r w:rsidRPr="00E163DE">
        <w:rPr>
          <w:rFonts w:ascii="Courier New" w:hAnsi="Courier New" w:cs="Courier New"/>
          <w:lang w:val="pt-BR"/>
        </w:rPr>
        <w:t>fffff6900000000000000000000000000000000000000000000000000000023fffffffff8000000b2ffffffffffffffffffffffffffffffffffffffffffffffffffffffffffffffffffffffffffffffffffffffffff94000000a2ffffffc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f8fffffffff</w:t>
      </w:r>
      <w:r w:rsidRPr="00E163DE">
        <w:rPr>
          <w:rFonts w:ascii="Courier New" w:hAnsi="Courier New" w:cs="Courier New"/>
          <w:lang w:val="pt-BR"/>
        </w:rPr>
        <w:t>fffffffd7c0c0c0c0c0c0c0c0c0c0c0c0c0c0c0c0c0c0c0390000000000000000000000c0c0c0c0c0c0c0c0c0c0c0c0c0c0c0c0c0c0c0c0ffffffffffffffffd700000000000000000000000000000000000000000000000000000049fffffff516000023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516000023fffffff5000000000000000000000000000000000000000000000000000059fffffffffffffffffffffffffffffffffffffffff8f8c0ffffffffffff490000000000000000000000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690</w:t>
      </w:r>
      <w:r w:rsidRPr="00E163DE">
        <w:rPr>
          <w:rFonts w:ascii="Courier New" w:hAnsi="Courier New" w:cs="Courier New"/>
          <w:lang w:val="pt-BR"/>
        </w:rPr>
        <w:t>000000000000000000000000000000000000000000000000000f8ffffffa2000000a2ffffffffffffffffffffffffffffffffffffffffffffffffffffffffffffffffffffffffffffffffffffffffffffff78000000e6ffffff49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69e6ffe6a269390000000069f5ffffffffffffffff78494</w:t>
      </w:r>
      <w:r w:rsidRPr="00E163DE">
        <w:rPr>
          <w:rFonts w:ascii="Courier New" w:hAnsi="Courier New" w:cs="Courier New"/>
          <w:lang w:val="pt-BR"/>
        </w:rPr>
        <w:t>9a2f5ffffffffffffff0000c0ffffffffffff490000000000000000000000ffffffffffffffffffffffffffffffffffb2591659f5ffffffffffffffff94230000002369a2d7ffffb21600000000000000000000000000c0ffffff23000000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5c0c0c0c0c039000000a2ffffff9400000000000000000000000000ffffffffffffffffd7c0ffffffffffffffffffffe60000002378ffffffffffffff1600c0ffffffffffff490000000000000000000000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82300000094ffffffffffffffffffffd7c0f5f</w:t>
      </w:r>
      <w:r w:rsidRPr="00E163DE">
        <w:rPr>
          <w:rFonts w:ascii="Courier New" w:hAnsi="Courier New" w:cs="Courier New"/>
          <w:lang w:val="pt-BR"/>
        </w:rPr>
        <w:t>fffffffffffff7800000000000000000000000049fffffff50000000094c0c0c0c0b2fffffffffffffffffffffffffffffffffffffffffffffffffffffffffffffffffffff5690000000000000000000059ffffffe6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b2ffffffffffffffffffffffffffffffffffffffa2000000e6fffffff</w:t>
      </w:r>
      <w:r w:rsidRPr="00E163DE">
        <w:rPr>
          <w:rFonts w:ascii="Courier New" w:hAnsi="Courier New" w:cs="Courier New"/>
          <w:lang w:val="pt-BR"/>
        </w:rPr>
        <w:t>fffe694c0390094a2a2ffffffff490000000000000000000000ffffffffffffffffffffffffffffffffffff16000069fffffffffffffffffffffffffffffffffffffff523000000000000000000000000a2ffffffc00000000000000000000016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a2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539000000000000000000000049ffffd7fff800000000000000000000000023e6fffffffffffffffffffffffffffffffffff5160049c0ffffffffffffc000000000000049ffffffff490000000000000000000000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d7780000c0fffffffffffffffffffffffffffffffffff</w:t>
      </w:r>
      <w:r w:rsidRPr="00E163DE">
        <w:rPr>
          <w:rFonts w:ascii="Courier New" w:hAnsi="Courier New" w:cs="Courier New"/>
          <w:lang w:val="pt-BR"/>
        </w:rPr>
        <w:t>53900000000000000000000000023ffe6ffffc0000000000000000000000000a2fffffffffffffffffffffffffffffffffffffffffffffffffffffffffffff800000000000000000000000049fffff8c0ff39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16a2ffffffffffffffffffffffffffffc0ff590016f5ffffffffffffffd759f82</w:t>
      </w:r>
      <w:r w:rsidRPr="00E163DE">
        <w:rPr>
          <w:rFonts w:ascii="Courier New" w:hAnsi="Courier New" w:cs="Courier New"/>
          <w:lang w:val="pt-BR"/>
        </w:rPr>
        <w:t>30078f894ffffffff490000000000000000000000fffffffffffffffffffffffffffffffff5ffffff490023ffd7f5ffffffffffffffffffffffffffc02300000000000000000000000000c0ff59ffffc000000000000000000000000023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5fffffffffffffffffffffffffffffffffffffffffffffffffffffffff50000000</w:t>
      </w:r>
      <w:r w:rsidRPr="00E163DE">
        <w:rPr>
          <w:rFonts w:ascii="Courier New" w:hAnsi="Courier New" w:cs="Courier New"/>
          <w:lang w:val="pt-BR"/>
        </w:rPr>
        <w:t>000000000000000000078ffffc023f5d7000000000000000000000000000023a2f5fffffffffffffffffff54949c00000a2f5f8000039c0ffffffffff1600c0ffffffffffff490000000000000000000000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d769160078f5d70000949439d7ffffffffffffffffffffc0490000000000000</w:t>
      </w:r>
      <w:r w:rsidRPr="00E163DE">
        <w:rPr>
          <w:rFonts w:ascii="Courier New" w:hAnsi="Courier New" w:cs="Courier New"/>
          <w:lang w:val="pt-BR"/>
        </w:rPr>
        <w:t>00000000000000078fff859fffff50000000000000000000000000094ffffffffffffffffffffffffffffffffffffffffffffffffffffffffb200000000000000000000000000e6ffffff0078fff8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16f8f5ffffffffffffff780023690000d72300000016f8ffffffffff000094fffff</w:t>
      </w:r>
      <w:r w:rsidRPr="00E163DE">
        <w:rPr>
          <w:rFonts w:ascii="Courier New" w:hAnsi="Courier New" w:cs="Courier New"/>
          <w:lang w:val="pt-BR"/>
        </w:rPr>
        <w:t>fffffff490000000000000000000000ffffffffffffffffffffffffffff944900000023c0390039490059fffffffffffffff5a22300000000000000000000000000000023f5d70094ffffff6900000000000000000000000039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7800000000000000000</w:t>
      </w:r>
      <w:r w:rsidRPr="00E163DE">
        <w:rPr>
          <w:rFonts w:ascii="Courier New" w:hAnsi="Courier New" w:cs="Courier New"/>
          <w:lang w:val="pt-BR"/>
        </w:rPr>
        <w:t>0000000f8ffffffff4900c0ff39000000000000000000000000000000000069e6ffffffffffa200391600160000000000b2ffffffffffb2000069ffffffffffff490000000000000000000000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d70000230000390000490069fffffffffff578160000000000000000000000000000000</w:t>
      </w:r>
      <w:r w:rsidRPr="00E163DE">
        <w:rPr>
          <w:rFonts w:ascii="Courier New" w:hAnsi="Courier New" w:cs="Courier New"/>
          <w:lang w:val="pt-BR"/>
        </w:rPr>
        <w:t>000c0f53900d7ffffffe616000000000000000000000000f5ffffffffffffffffffffffffffffffffffffffffffffffffffffff230000160000000000000039b2ffffffffff780023f5d716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78f5fffffff500000000000049c0ffffffffffffffff69000016f5ffffffffff490</w:t>
      </w:r>
      <w:r w:rsidRPr="00E163DE">
        <w:rPr>
          <w:rFonts w:ascii="Courier New" w:hAnsi="Courier New" w:cs="Courier New"/>
          <w:lang w:val="pt-BR"/>
        </w:rPr>
        <w:t>000000000000000000000fffffffffffffffffffffffffffffffffffff569000000001600b2fffffffff816000000000000001600000000000000000000a2ff780000ffffffffffd7590000000000000000160000a2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e60023b249000049f8a2c0e6fffffff</w:t>
      </w:r>
      <w:r w:rsidRPr="00E163DE">
        <w:rPr>
          <w:rFonts w:ascii="Courier New" w:hAnsi="Courier New" w:cs="Courier New"/>
          <w:lang w:val="pt-BR"/>
        </w:rPr>
        <w:t>ffffffff8000078ffa2000000000000000000699400000000000000001694ffffff590000000069ffffffffffffffffffff16000000b2ffffffffff490000000000000000000000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d7940000000016ffffffb223000000000000000049d716000000000000000069ffc000000</w:t>
      </w:r>
      <w:r w:rsidRPr="00E163DE">
        <w:rPr>
          <w:rFonts w:ascii="Courier New" w:hAnsi="Courier New" w:cs="Courier New"/>
          <w:lang w:val="pt-BR"/>
        </w:rPr>
        <w:t>0fffffffffffffffff5c0b2f8390000c0f81669ffffffffffffffffffffffffffffffffffffffffffffffffffffa239f5ff4923c0fffffffffffffffffffffffff8000000a2fff800000000000000a2fff516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49f5ff9400000000230039d7fffffffffffffff8000039f5ffffffffff4900000000000</w:t>
      </w:r>
      <w:r w:rsidRPr="00E163DE">
        <w:rPr>
          <w:rFonts w:ascii="Courier New" w:hAnsi="Courier New" w:cs="Courier New"/>
          <w:lang w:val="pt-BR"/>
        </w:rPr>
        <w:t>00000000000ffffffffffffffffffffffffffffffffffe63900231600000069fff57800000000000000000000b2fff53900000000000049ffe616000000ffffffffffffffffffffffffff9400c0ffd739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a2f5ffff49c0fffffffffffffffffffffffffff80</w:t>
      </w:r>
      <w:r w:rsidRPr="00E163DE">
        <w:rPr>
          <w:rFonts w:ascii="Courier New" w:hAnsi="Courier New" w:cs="Courier New"/>
          <w:lang w:val="pt-BR"/>
        </w:rPr>
        <w:t>0000000d7ff690000000000a2fff5ff780000000000000000000016b2390000000000000000a2ffffffffffffff4900e6ffffffffffff490000000000000000000000ffffffffffffffffffffffffffffffffb2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16a2390000000000000000000023ffe6fff5390000000039f5f53900000039fffffffff</w:t>
      </w:r>
      <w:r w:rsidRPr="00E163DE">
        <w:rPr>
          <w:rFonts w:ascii="Courier New" w:hAnsi="Courier New" w:cs="Courier New"/>
          <w:lang w:val="pt-BR"/>
        </w:rPr>
        <w:t>fffffffffffffffffff59c0ffffd7e6ffffffffffffffffffffffffffffffffffffffffffffffffffffffffffb2fffffffffffffffffffffffff5b2690000000016d7f539000016a2ffd716f5e6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39c0c0694978c0d7ffffffffffffffc069ffffffffffffff49000000000000000000000</w:t>
      </w:r>
      <w:r w:rsidRPr="00E163DE">
        <w:rPr>
          <w:rFonts w:ascii="Courier New" w:hAnsi="Courier New" w:cs="Courier New"/>
          <w:lang w:val="pt-BR"/>
        </w:rPr>
        <w:t>0ffffffffffffffffffffffffffffffffd7c0a249a2c0c069000000000000000000000000000094ff5969fff539000016e6ff59000000002394c0fffffffffffffffffffffffff5d7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e6a2783900000000000000003</w:t>
      </w:r>
      <w:r w:rsidRPr="00E163DE">
        <w:rPr>
          <w:rFonts w:ascii="Courier New" w:hAnsi="Courier New" w:cs="Courier New"/>
          <w:lang w:val="pt-BR"/>
        </w:rPr>
        <w:t>9f5f51616d7ffd71600a2ff5900000000000000000000000016d7ffffffffffffffffffffffffffffffffffffffffffffff490000000000000000000000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53900000000000000000000000016f5f5000069fff54916d7ff780000000000000000004978c0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c0590000000000000000000000000049ffd7d7ffb216000049ffb2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d7ffb2000000000000000000000000000000000000000000000000000000000000000000000000000</w:t>
      </w:r>
      <w:r w:rsidRPr="00E163DE">
        <w:rPr>
          <w:rFonts w:ascii="Courier New" w:hAnsi="Courier New" w:cs="Courier New"/>
          <w:lang w:val="pt-BR"/>
        </w:rPr>
        <w:t>00000000000000000000000000000000069fff51600000000000000000000000069ffa200000069ffffc0ffa2000000000000000000000000002378e6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a23900000000000000000000000000000000f8ffffd</w:t>
      </w:r>
      <w:r w:rsidRPr="00E163DE">
        <w:rPr>
          <w:rFonts w:ascii="Courier New" w:hAnsi="Courier New" w:cs="Courier New"/>
          <w:lang w:val="pt-BR"/>
        </w:rPr>
        <w:t>71600000000e6ff1600000000000000000000000039ffff2300000000000000000000000000000000000000000000000000000000000000000000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e6ff6900000000000000000000000000b2ff3900000000f8ffffd7000000000000000000000000000000000039c0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942300000000000000000000000000000000000000d7f539000000000094ff6900000000000016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69d749000000a2ffa200000000000000000000000000000000000000000000000000000000000000000000000000000000000</w:t>
      </w:r>
      <w:r w:rsidRPr="00E163DE">
        <w:rPr>
          <w:rFonts w:ascii="Courier New" w:hAnsi="Courier New" w:cs="Courier New"/>
          <w:lang w:val="pt-BR"/>
        </w:rPr>
        <w:t>00000000000000000000069ffe600000000e6943900000000000000ffe6000000000000b2ff230000000000000000000000000000000000000059e6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e639000000000000000000000000000000000000000000496900000000000</w:t>
      </w:r>
      <w:r w:rsidRPr="00E163DE">
        <w:rPr>
          <w:rFonts w:ascii="Courier New" w:hAnsi="Courier New" w:cs="Courier New"/>
          <w:lang w:val="pt-BR"/>
        </w:rPr>
        <w:t>039fff80000000059b2ffffff2300000049fff500000000000000000000000000000000000000000000000000000000000000000000000000000000000000000000000000000000b2ff78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ffffffe6782300000049ff9400000000000016f800000000000000000000000000000000000000000000f8f5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a21600000000000000000000000000000000000000000000000000000000000000ffc0003994f5fffff5f5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e6ff3900000000000000000059f8f8f823000000000000000000000000000000000000000000002378a2a2f8160000000</w:t>
      </w:r>
      <w:r w:rsidRPr="00E163DE">
        <w:rPr>
          <w:rFonts w:ascii="Courier New" w:hAnsi="Courier New" w:cs="Courier New"/>
          <w:lang w:val="pt-BR"/>
        </w:rPr>
        <w:t>00000000000ffff1600000000ffffe6ffffffb2590078ff590000000000000000000000000000000000000000000000000000000000000039f5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a2000000000000000000000000000000000000000000000000000000000000000000c0f5e6f</w:t>
      </w:r>
      <w:r w:rsidRPr="00E163DE">
        <w:rPr>
          <w:rFonts w:ascii="Courier New" w:hAnsi="Courier New" w:cs="Courier New"/>
          <w:lang w:val="pt-BR"/>
        </w:rPr>
        <w:t>fffffb25900c0ff0000000000c0ff590000000000000059e6fffffffff5780000000000000000000000000000000000000000f8fffffffffff5690000000000000039ffe6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e6ff003994e6fffff5e6ff16000000000000000000000000000000000000000000000000000000000000000039f5fffffffffffffff</w:t>
      </w:r>
      <w:r w:rsidRPr="00E163DE">
        <w:rPr>
          <w:rFonts w:ascii="Courier New" w:hAnsi="Courier New" w:cs="Courier New"/>
          <w:lang w:val="pt-BR"/>
        </w:rPr>
        <w:t>fffffffffffffffffffffffffffffffffffffffffffff9400000000000000000000000000000000000000000000000000000000000000000000f8ffffe66916000000c0ff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f8fff800000000000069ffffffffffffffffa200000000000000000000000000000000000094ffffffffffffffffa20000000000004</w:t>
      </w:r>
      <w:r w:rsidRPr="00E163DE">
        <w:rPr>
          <w:rFonts w:ascii="Courier New" w:hAnsi="Courier New" w:cs="Courier New"/>
          <w:lang w:val="pt-BR"/>
        </w:rPr>
        <w:t>9ffc00000000000c0ff0000000059c0ffffff0000000000000000000000000000000000000000000000000000000000000000000039f5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b20000000000000000000000000000000000000000000000000000000000000000000000f8f57800000000000</w:t>
      </w:r>
      <w:r w:rsidRPr="00E163DE">
        <w:rPr>
          <w:rFonts w:ascii="Courier New" w:hAnsi="Courier New" w:cs="Courier New"/>
          <w:lang w:val="pt-BR"/>
        </w:rPr>
        <w:t>0c0e60000000000f8fff8000000000023ffffffffffffffffffff490000000000000069a20000000000000023ffffffffffffffffffff49000000000059ffb2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c0ff00000000000039d7d7000000000000000000000000000000000000000000000000000000000000000000000039f5fffffffffffffffffffff</w:t>
      </w:r>
      <w:r w:rsidRPr="00E163DE">
        <w:rPr>
          <w:rFonts w:ascii="Courier New" w:hAnsi="Courier New" w:cs="Courier New"/>
          <w:lang w:val="pt-BR"/>
        </w:rPr>
        <w:t>fffffffffffffffffffffffffffffffe6160000000000000000000000000000000000000000000000000000000000000000000000592300000000000000e6c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f8ffa2000000000078ffffffffffffffffffffb200000000000069fffff800000000000094ffffffffffffffffffffa20000000000f8ffc000000</w:t>
      </w:r>
      <w:r w:rsidRPr="00E163DE">
        <w:rPr>
          <w:rFonts w:ascii="Courier New" w:hAnsi="Courier New" w:cs="Courier New"/>
          <w:lang w:val="pt-BR"/>
        </w:rPr>
        <w:t>00000c0ff160000000000000069000000000000000000000000000000000000000000000000000000000000000000000000f8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49000000000000000000000000000000000000000000000000000000000000000000000000000000000000000000ffc000000</w:t>
      </w:r>
      <w:r w:rsidRPr="00E163DE">
        <w:rPr>
          <w:rFonts w:ascii="Courier New" w:hAnsi="Courier New" w:cs="Courier New"/>
          <w:lang w:val="pt-BR"/>
        </w:rPr>
        <w:t>00000f8ffd7494949160016f56900000000000016f559000000000039ffffffff69000000000023ff4900000000000039f5230000494959c0ffc00000000000f8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49000000000000000000000000000000000000000000000000000000000000000000000000000000000000000000e6fffffffffffffffffffffffffffff</w:t>
      </w:r>
      <w:r w:rsidRPr="00E163DE">
        <w:rPr>
          <w:rFonts w:ascii="Courier New" w:hAnsi="Courier New" w:cs="Courier New"/>
          <w:lang w:val="pt-BR"/>
        </w:rPr>
        <w:t>fffffff78ffffffffffc000000000000016595900000000000000000000000000000000000000000000000000000000000000000000000039fff5c0d7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e616000069f516000000000094c000000000000039f5ffffff49000000000000f8e6000000000000c0f8000000c0ffffffffffffffe6c0c0e6fff</w:t>
      </w:r>
      <w:r w:rsidRPr="00E163DE">
        <w:rPr>
          <w:rFonts w:ascii="Courier New" w:hAnsi="Courier New" w:cs="Courier New"/>
          <w:lang w:val="pt-BR"/>
        </w:rPr>
        <w:t>800000000000000000000000000000000000000000000000000000000000000000000000023f85900000000000069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490000000023a2f5f80000000000000000000000000000000000789416000000000000000000000000000000000059fffffff5c0fffffffff</w:t>
      </w:r>
      <w:r w:rsidRPr="00E163DE">
        <w:rPr>
          <w:rFonts w:ascii="Courier New" w:hAnsi="Courier New" w:cs="Courier New"/>
          <w:lang w:val="pt-BR"/>
        </w:rPr>
        <w:t>fffff5900000000c0940000000039ff230000000000000059fffff80000000000000016f5780000000078e60000000023ffffffffffffd7c0ffffffffb2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78e6160000000000000000000000000000000023c0e6f81600000000c0fffffffffffffffffffffffffffffffffffff</w:t>
      </w:r>
      <w:r w:rsidRPr="00E163DE">
        <w:rPr>
          <w:rFonts w:ascii="Courier New" w:hAnsi="Courier New" w:cs="Courier New"/>
          <w:lang w:val="pt-BR"/>
        </w:rPr>
        <w:t>fffffffd700000016a2fff549000000000000000000000000000000000069ffffd7390000000000000000000000000000000049490000000000000000e6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c0000000000023ff39000000c09400000000000000000094b200000000000000000069f516000016f5490000000000f8ffff23000000000000234939000000000</w:t>
      </w:r>
      <w:r w:rsidRPr="00E163DE">
        <w:rPr>
          <w:rFonts w:ascii="Courier New" w:hAnsi="Courier New" w:cs="Courier New"/>
          <w:lang w:val="pt-BR"/>
        </w:rPr>
        <w:t>0000000000000000000000016b2ffffd7160000000000000000000000000000000000f8fff55900000049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94000039d7ffd716000000000000000000000000000000000039f5ffd7ffff7800000000000000000000000000000000000000000000000069ffff2300000</w:t>
      </w:r>
      <w:r w:rsidRPr="00E163DE">
        <w:rPr>
          <w:rFonts w:ascii="Courier New" w:hAnsi="Courier New" w:cs="Courier New"/>
          <w:lang w:val="pt-BR"/>
        </w:rPr>
        <w:t>0000000f8d7000069f5160000000000000023f8f8a2f8230000000000000000c0940000b2b200000000000016e6ffa2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49e6ffe6d7ffb200000000000000000000000000000000000069ffffa2160000f5ffffffffffffffffffffffffffffffffffffffffff390</w:t>
      </w:r>
      <w:r w:rsidRPr="00E163DE">
        <w:rPr>
          <w:rFonts w:ascii="Courier New" w:hAnsi="Courier New" w:cs="Courier New"/>
          <w:lang w:val="pt-BR"/>
        </w:rPr>
        <w:t>059f5ffd716000000000000000000000000000000000023f5ff690059f5ffc01600000000000000000000000000000000000000000000c0fff8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16e67816e669000000000000000049ffffffff59000000000000000049ff3949f5230000000000000069fff51600000000000000000000000000000000000</w:t>
      </w:r>
      <w:r w:rsidRPr="00E163DE">
        <w:rPr>
          <w:rFonts w:ascii="Courier New" w:hAnsi="Courier New" w:cs="Courier New"/>
          <w:lang w:val="pt-BR"/>
        </w:rPr>
        <w:t>000000000f8ffff941616d7ffa200000000000000000000000000000000000059f5ffe63900a2ffffffffffffffffffffffffffffffff78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0039fffff523000000000000000000000000000000000016d7fff800000023c0fff549000000000000000000000000000000000000000039fff51600000000000000004</w:t>
      </w:r>
      <w:r w:rsidRPr="00E163DE">
        <w:rPr>
          <w:rFonts w:ascii="Courier New" w:hAnsi="Courier New" w:cs="Courier New"/>
          <w:lang w:val="pt-BR"/>
        </w:rPr>
        <w:t>9f594d700000000000000000049fffffffff8000000000000000000a2d7e6f8000000000000000000d7ff69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23d7fff55900000023f5ff7800000000000000000000000000000000000059ffffd716f8fffffffffffffffffffffffffffffffffffffffff516e6fff539000</w:t>
      </w:r>
      <w:r w:rsidRPr="00E163DE">
        <w:rPr>
          <w:rFonts w:ascii="Courier New" w:hAnsi="Courier New" w:cs="Courier New"/>
          <w:lang w:val="pt-BR"/>
        </w:rPr>
        <w:t>000000000000000000000000000000000d7ffa2000000000000f8ffff9400000000000000000000000000000000000000c0fff8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49ffffffffffffffffffffffffffffffffffffffffffffffffffffffffffffffffffffffffffff49000000000049fff51600000000000000000000000000000000000069f5ffb</w:t>
      </w:r>
      <w:r w:rsidRPr="00E163DE">
        <w:rPr>
          <w:rFonts w:ascii="Courier New" w:hAnsi="Courier New" w:cs="Courier New"/>
          <w:lang w:val="pt-BR"/>
        </w:rPr>
        <w:t>216000000000039f5ff6900000000000000000000000000000000000078ffffc049ffffffffffffffffffffffffffffffffffffffffc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a2ffff49000000000000000000000000000000000000a2ffc0000000000000000049e6ffd7390000000000000000000000000000000059fff51600000000001649494949494949494</w:t>
      </w:r>
      <w:r w:rsidRPr="00E163DE">
        <w:rPr>
          <w:rFonts w:ascii="Courier New" w:hAnsi="Courier New" w:cs="Courier New"/>
          <w:lang w:val="pt-BR"/>
        </w:rPr>
        <w:t>9494949494949494949494949494949494949494949494949494949494916000000000000c0ff94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16b2fff578000000000000000059ffff39000000000000000000000000000000000000a2ffff94ffffffffffffffffffffffffffffffffffffffffffffff7800000000000000000</w:t>
      </w:r>
      <w:r w:rsidRPr="00E163DE">
        <w:rPr>
          <w:rFonts w:ascii="Courier New" w:hAnsi="Courier New" w:cs="Courier New"/>
          <w:lang w:val="pt-BR"/>
        </w:rPr>
        <w:t>0000000000000000000f8ffd71600000049000000000016b2fff578000000000000000000000000000016e6ff94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00000000000000000000000000000000000000000000000000000049ffff39000000000000000000000000000049e6ffd7230000000000591</w:t>
      </w:r>
      <w:r w:rsidRPr="00E163DE">
        <w:rPr>
          <w:rFonts w:ascii="Courier New" w:hAnsi="Courier New" w:cs="Courier New"/>
          <w:lang w:val="pt-BR"/>
        </w:rPr>
        <w:t>600000069fff539000000000000000000000000000000000016e6ffffffffffffffffffffffffffffffffffffffffffffffffe6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160000000000000000000023f5ff7800000069ffb216000000000069f5ffc03900000000000000000000000016d7ffa200000000000000000000000000000000000000000</w:t>
      </w:r>
      <w:r w:rsidRPr="00E163DE">
        <w:rPr>
          <w:rFonts w:ascii="Courier New" w:hAnsi="Courier New" w:cs="Courier New"/>
          <w:lang w:val="pt-BR"/>
        </w:rPr>
        <w:t>00000000000000000000000000000000000000000000000000000000000000069fff5390000000000000000000000001694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8000000000000f8ffd700000039ffff9400000000000000000000001600000000000049ffffffffffffffffffffffffffffffffffff00ffffffffff6900000000002394390000000000000</w:t>
      </w:r>
      <w:r w:rsidRPr="00E163DE">
        <w:rPr>
          <w:rFonts w:ascii="Courier New" w:hAnsi="Courier New" w:cs="Courier New"/>
          <w:lang w:val="pt-BR"/>
        </w:rPr>
        <w:t>00000000039e6ffa21639fff5ffe639000000000023c0fffff816000000000000000000000016e6ffa2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59d7f8160000000000000000000000000000000000000000000000000069ffff3900000000000000000000000049e6ffe639000000000016c0ffe6ffa20069f5f</w:t>
      </w:r>
      <w:r w:rsidRPr="00E163DE">
        <w:rPr>
          <w:rFonts w:ascii="Courier New" w:hAnsi="Courier New" w:cs="Courier New"/>
          <w:lang w:val="pt-BR"/>
        </w:rPr>
        <w:t>f69000000000000000000000000f8f8160000000000c0ffffffffffffffffffffffffffffffffffffffffffffe6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78f5390000000000000000000000000016d7ffd7f5ff4949e6ff7800000000000078f5ffe649000000000000000000000039f5ff7800000000000000000000000000000000000016b2ffffffe</w:t>
      </w:r>
      <w:r w:rsidRPr="00E163DE">
        <w:rPr>
          <w:rFonts w:ascii="Courier New" w:hAnsi="Courier New" w:cs="Courier New"/>
          <w:lang w:val="pt-BR"/>
        </w:rPr>
        <w:t>669000000000000000000000000000000000000000000000069ffff69000000000000000000000016a2ffff9416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39f5f55900c0ffe6fff5390000000000000000000000000000a2e6390000000023ffffffffffffffffffffffffffffffffffffffffffff6900000016a2ff69000000000000000000000000000</w:t>
      </w:r>
      <w:r w:rsidRPr="00E163DE">
        <w:rPr>
          <w:rFonts w:ascii="Courier New" w:hAnsi="Courier New" w:cs="Courier New"/>
          <w:lang w:val="pt-BR"/>
        </w:rPr>
        <w:t>00000a2ffffa2000059ffc00000000000000023c0ffffb2160000000000000000000039f5ff59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1678f5ffa21623b2ffd749000000000000000000000000000000000000000039f5ff69000000000000000000000069f5ffe6490000000000000069ffb2000016f5ffe62300000000000</w:t>
      </w:r>
      <w:r w:rsidRPr="00E163DE">
        <w:rPr>
          <w:rFonts w:ascii="Courier New" w:hAnsi="Courier New" w:cs="Courier New"/>
          <w:lang w:val="pt-BR"/>
        </w:rPr>
        <w:t>000000000000000000000c0ff6900000000a2ffffffffffffffffffffffffffffffffffffffffc000000039d7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69000000000000000000000000000000000069fff5160016d7f52300000000000000000059f5fff5690000000000000000000059fff53900000000000000000000000016f8f5ffc0230000000049c0ffc02</w:t>
      </w:r>
      <w:r w:rsidRPr="00E163DE">
        <w:rPr>
          <w:rFonts w:ascii="Courier New" w:hAnsi="Courier New" w:cs="Courier New"/>
          <w:lang w:val="pt-BR"/>
        </w:rPr>
        <w:t>3000000000000000000000000000000000016e6ff690000000000000000000049c0fffff816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94ff78000078ffe6000000000000000000000000000000000016d7ffa200000059ffffffffffffffffffffffffffffffffffffffff69000023f5ffa2000000000000000000000000000000000000e6ff5</w:t>
      </w:r>
      <w:r w:rsidRPr="00E163DE">
        <w:rPr>
          <w:rFonts w:ascii="Courier New" w:hAnsi="Courier New" w:cs="Courier New"/>
          <w:lang w:val="pt-BR"/>
        </w:rPr>
        <w:t>9000094ffa2000000000016000000000016b2ffffc02300000000000000000078ffe6c0f8f8f8f8f8f8f8f8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8f894f5ffc049000000000000000069e6ffa2230000000000000000000016f8f8f8f8e6ff9400000000000000000023a2ffffd739000000000000230000000039ffe6160000e6ff69000000000000000000000</w:t>
      </w:r>
      <w:r w:rsidRPr="00E163DE">
        <w:rPr>
          <w:rFonts w:ascii="Courier New" w:hAnsi="Courier New" w:cs="Courier New"/>
          <w:lang w:val="pt-BR"/>
        </w:rPr>
        <w:t>000000000000016e6ffa2000000f5ffffffffffffffffffffffffffffffffffffff230016d7ffc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69ffc000000016b2ff9416000094f57800000000000059f5ffffa2691600000000000000f8ffffffffffffffffffffffffffe66900000000000000000000000069f5f5f8160</w:t>
      </w:r>
      <w:r w:rsidRPr="00E163DE">
        <w:rPr>
          <w:rFonts w:ascii="Courier New" w:hAnsi="Courier New" w:cs="Courier New"/>
          <w:lang w:val="pt-BR"/>
        </w:rPr>
        <w:t>000000000000016d7ffffffffffa200000000000000235994f5fff5f800000000000049e6f516000078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d73900000059ffe600000000000000000000000000000000000049ffffa2000094ffffffffffffffffffffffffffffffffffffd70016d7ffff49000000000000000000000000000000000000e6f52300000000007</w:t>
      </w:r>
      <w:r w:rsidRPr="00E163DE">
        <w:rPr>
          <w:rFonts w:ascii="Courier New" w:hAnsi="Courier New" w:cs="Courier New"/>
          <w:lang w:val="pt-BR"/>
        </w:rPr>
        <w:t>8f5e64969ffd7ffc039000000000049ffffffffffffd7c0c0b2f8692369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a200000000001600000000000000000016f8f5f5f8490000000049d7f5d7ffffffa22369f8b2c0c0e6ffffffffffff94000000000016a2ffd7ffd723c0fff8000000000000c0ff6900000000000000000000000000000</w:t>
      </w:r>
      <w:r w:rsidRPr="00E163DE">
        <w:rPr>
          <w:rFonts w:ascii="Courier New" w:hAnsi="Courier New" w:cs="Courier New"/>
          <w:lang w:val="pt-BR"/>
        </w:rPr>
        <w:t>0000000b2ffff780059ffffffffffffffffffffffffffffffffffffa200b2ffffa2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69ff940000000000000023d7ffffd70049e6fff800000000a2ffffffffffffffffffffffffffe6ffffffffffffffffffffc00000000000007800000000000000000000001694fffff5c0c0d</w:t>
      </w:r>
      <w:r w:rsidRPr="00E163DE">
        <w:rPr>
          <w:rFonts w:ascii="Courier New" w:hAnsi="Courier New" w:cs="Courier New"/>
          <w:lang w:val="pt-BR"/>
        </w:rPr>
        <w:t>7ffd739b2fffffff5fffffffffffffffffffffffffff50000000059f5e6490078ffffe649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49ffe600000000000000000000000000000000000016f5ffff4949fffffffffffffffffffffffffffffffffffff849fffff516000000000000000000000000000000000000e6ff23000000000000000000f8f52</w:t>
      </w:r>
      <w:r w:rsidRPr="00E163DE">
        <w:rPr>
          <w:rFonts w:ascii="Courier New" w:hAnsi="Courier New" w:cs="Courier New"/>
          <w:lang w:val="pt-BR"/>
        </w:rPr>
        <w:t>3000023ffc000000016f5fffffffffffffffffffffffffffffffffffffffffffffffff8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e6000000000000000000000000001678c0c0c0a2590016ffffffffffffffffffffffffffffffffffffff6900000069fff8000000a2b216000000000000000000a2ff690000000000000000000000000000000000007</w:t>
      </w:r>
      <w:r w:rsidRPr="00E163DE">
        <w:rPr>
          <w:rFonts w:ascii="Courier New" w:hAnsi="Courier New" w:cs="Courier New"/>
          <w:lang w:val="pt-BR"/>
        </w:rPr>
        <w:t>8ffffd700ffffffffffffffffffffffffffffffffffff78e6ffff78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69ffa2000000000000000000000000000000d7ffc023000069ffffffffffffffffffffffffffffffffffffffffffffffffff69000000000039ff00000000000000000000000000000000000000000069fff</w:t>
      </w:r>
      <w:r w:rsidRPr="00E163DE">
        <w:rPr>
          <w:rFonts w:ascii="Courier New" w:hAnsi="Courier New" w:cs="Courier New"/>
          <w:lang w:val="pt-BR"/>
        </w:rPr>
        <w:t>fffffffffffffffffffffffffffffffffffd7000016f8ffff49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39ffb200000000000000000000000000000000000000d7fffff8e6ffffffffffffffffffffffffffffffffffe6ffffd700000000000000000000000000000000000000d7ff3900000000000000000000000000000049c0f</w:t>
      </w:r>
      <w:r w:rsidRPr="00E163DE">
        <w:rPr>
          <w:rFonts w:ascii="Courier New" w:hAnsi="Courier New" w:cs="Courier New"/>
          <w:lang w:val="pt-BR"/>
        </w:rPr>
        <w:t>fffa239d7ffffffffffffffffffffffffffffffffffffffffffffffffffb2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a2f5000000000000000000000000000000000000000000e6ffffffffffffffffffffffffffffffffffffffff69f8f5ffc04900000000000000000000000000000000e6ff2300000000000000000000000000000000000049fffffff</w:t>
      </w:r>
      <w:r w:rsidRPr="00E163DE">
        <w:rPr>
          <w:rFonts w:ascii="Courier New" w:hAnsi="Courier New" w:cs="Courier New"/>
          <w:lang w:val="pt-BR"/>
        </w:rPr>
        <w:t>5ffffffffffffffffffffffffffffffffffffffff490000000000004916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23ffe600000000000000000000000000000000000049c0ffffffffffffffffffffffffffffffffffffffffffffffffffffffffff6900000016f5c0000000000000000000000000000000000000000069fffffffffffffff</w:t>
      </w:r>
      <w:r w:rsidRPr="00E163DE">
        <w:rPr>
          <w:rFonts w:ascii="Courier New" w:hAnsi="Courier New" w:cs="Courier New"/>
          <w:lang w:val="pt-BR"/>
        </w:rPr>
        <w:t>fffffffffffffffffffffffffffffffc049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78fff800000000000000000000005939000000000000b2ffffffffffffffffffffffffffffffffffffffffffffe6000000000000a249000000000000000000000094ff94000000000000000000000000390000000000000049e6fff</w:t>
      </w:r>
      <w:r w:rsidRPr="00E163DE">
        <w:rPr>
          <w:rFonts w:ascii="Courier New" w:hAnsi="Courier New" w:cs="Courier New"/>
          <w:lang w:val="pt-BR"/>
        </w:rPr>
        <w:t>fffffffffffffffffffffffffffffffffffffffffffffffffffff940000f8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940000000000000000000000000000000000000016f5fffffffffffffffffffffffffffffffffffffffffff569000000000000000016000000000000000000000023ffe6390000000000000000000000b259000000000059fffffffffffffff</w:t>
      </w:r>
      <w:r w:rsidRPr="00E163DE">
        <w:rPr>
          <w:rFonts w:ascii="Courier New" w:hAnsi="Courier New" w:cs="Courier New"/>
          <w:lang w:val="pt-BR"/>
        </w:rPr>
        <w:t>fffffffffffffffffffffffffffff780000000016c0b2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16a2ffff4900000000000000000000001649000000000000000016a2fffffffffffffffffffffffffffffffffffffffffffffffffffffff80016f5ff690000000000000000000000000000000000000069fffffffffffffffffffffffffff</w:t>
      </w:r>
      <w:r w:rsidRPr="00E163DE">
        <w:rPr>
          <w:rFonts w:ascii="Courier New" w:hAnsi="Courier New" w:cs="Courier New"/>
          <w:lang w:val="pt-BR"/>
        </w:rPr>
        <w:t>fffffffffffffffa216000000000000000000f8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e6fff5590000000000000000000023f5690000000000e6ffffffffffffffffffffffffffffffffffffffffff2300000000a2f51600000000000000000023d7ffffff00000000000000000000000039f800000023f8c0c0a26916a2fffffffff</w:t>
      </w:r>
      <w:r w:rsidRPr="00E163DE">
        <w:rPr>
          <w:rFonts w:ascii="Courier New" w:hAnsi="Courier New" w:cs="Courier New"/>
          <w:lang w:val="pt-BR"/>
        </w:rPr>
        <w:t>fffffffffe6c0f8f8f8f8c0e6ffffffffffffffffe60000f8ffff39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d7ffffffc0947878f8f894d7ffffffffffffffffffd71659a2c0c0b26900000039f8000000000000000000000000a2ffffff940000000000000000000078ff590000000094fffffffffffffffffffffff</w:t>
      </w:r>
      <w:r w:rsidRPr="00E163DE">
        <w:rPr>
          <w:rFonts w:ascii="Courier New" w:hAnsi="Courier New" w:cs="Courier New"/>
          <w:lang w:val="pt-BR"/>
        </w:rPr>
        <w:t>fffffffffffffffffd700000000f8ff5900000000000000000059f5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e6b2ffd700000000000000000000000000e600000016f5fffffffff578b2ffffffffffff782300000000000000000049a2f5ffffffd7590016f5fff50000000000000000000000000000000000000000fff5690000000000000000001659f5fffffffff</w:t>
      </w:r>
      <w:r w:rsidRPr="00E163DE">
        <w:rPr>
          <w:rFonts w:ascii="Courier New" w:hAnsi="Courier New" w:cs="Courier New"/>
          <w:lang w:val="pt-BR"/>
        </w:rPr>
        <w:t>fe678f5ffffffffff78000000f8f8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78fff578ffc016000000000000000000c0f53900000049ffffffffffffffffffffffffffffffffffffffff9400000069ffb2000000000000000000f8ffa216a2ffa200000000000000000000000000ff6900000069fffffffffffffffffffffffffff5f81</w:t>
      </w:r>
      <w:r w:rsidRPr="00E163DE">
        <w:rPr>
          <w:rFonts w:ascii="Courier New" w:hAnsi="Courier New" w:cs="Courier New"/>
          <w:lang w:val="pt-BR"/>
        </w:rPr>
        <w:t>60000394923000000000000594900000000f8ffffa2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691600001649786939000000f8e6ffffffffffffffffffffffffffb200000016f56900000000000000000000000049ffff2339e6f539000000000000000023ffe616000000fffffffffffffffffffffffffffffffff</w:t>
      </w:r>
      <w:r w:rsidRPr="00E163DE">
        <w:rPr>
          <w:rFonts w:ascii="Courier New" w:hAnsi="Courier New" w:cs="Courier New"/>
          <w:lang w:val="pt-BR"/>
        </w:rPr>
        <w:t>fffffff59000023f5ff230000000000000016c0f5690000e6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800000000000000000000000069ffe616000000a2ffffffffffffffffffffffffffffa2000049ffffffffb2690000000000001649f5ffff690000000000000000000000000000000000000000000023a2ffffffffa2000094fffffffffffffffffffffffff</w:t>
      </w:r>
      <w:r w:rsidRPr="00E163DE">
        <w:rPr>
          <w:rFonts w:ascii="Courier New" w:hAnsi="Courier New" w:cs="Courier New"/>
          <w:lang w:val="pt-BR"/>
        </w:rPr>
        <w:t>fffd716000000f8ffa200000000000000000000000039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590016b2ff690000000000000000a2ffc0000000c0ffffffffffffffffffffffffffffffffffffff160000b2ffa20000000000000016d7ff49000023fffff8000000000000000000000069ffe6ffa20000000078ffffffffffb2ffffffffffffffff940000d7f</w:t>
      </w:r>
      <w:r w:rsidRPr="00E163DE">
        <w:rPr>
          <w:rFonts w:ascii="Courier New" w:hAnsi="Courier New" w:cs="Courier New"/>
          <w:lang w:val="pt-BR"/>
        </w:rPr>
        <w:t>fffffffffe65939f8d7ffffffffffffffe6a27839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39f5ffffffffff230059ffffffffffffffffb2ffffffffffa21600000059ffe6ffc0160000000000000000000000ffff94000000c0ff690000000000000023ffff490000f8ffffffffffffffffffffffffffffffffffffff000</w:t>
      </w:r>
      <w:r w:rsidRPr="00E163DE">
        <w:rPr>
          <w:rFonts w:ascii="Courier New" w:hAnsi="Courier New" w:cs="Courier New"/>
          <w:lang w:val="pt-BR"/>
        </w:rPr>
        <w:t>049ffff2300000000000016d7ff6900000069fffff8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39ffff39c0ff780000000023a2f5d79449ffffffffffffffffe60000a2ffffffffffffffffffffc0c094f8f8f8b2c0f5ffffd769160000000000000000235900000039f5ffffffffffc00000b2fffffffffffffffff869c0c0a249000000003</w:t>
      </w:r>
      <w:r w:rsidRPr="00E163DE">
        <w:rPr>
          <w:rFonts w:ascii="Courier New" w:hAnsi="Courier New" w:cs="Courier New"/>
          <w:lang w:val="pt-BR"/>
        </w:rPr>
        <w:t>9f5f516c0ff940000000000000000000000ffffc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16d7ff6900000000000000a2ffd7000078ffffffffffffffffffffffffffffffffffffc00000d7ffc000000000000016d7ffa20000000094ffff59000000000000000000000000230023f5ff94000000000000000059ffffffffffffffffff000069fffffffffff</w:t>
      </w:r>
      <w:r w:rsidRPr="00E163DE">
        <w:rPr>
          <w:rFonts w:ascii="Courier New" w:hAnsi="Courier New" w:cs="Courier New"/>
          <w:lang w:val="pt-BR"/>
        </w:rPr>
        <w:t>fffb249000000000000000000002369a2e6f5f8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f8f5160000c0ffffffffffff940000f5ffffffffffffffffa2000000000000000078f5f539001600000000000000000000000000ffffff0000000023f5ff6900000000000039ffff690049ffffffffffffffffffffffffffffffffffffc00069ffff69000</w:t>
      </w:r>
      <w:r w:rsidRPr="00E163DE">
        <w:rPr>
          <w:rFonts w:ascii="Courier New" w:hAnsi="Courier New" w:cs="Courier New"/>
          <w:lang w:val="pt-BR"/>
        </w:rPr>
        <w:t>000000000b2ffd70000000000c0ffff78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16c0ffd749000000000000e6ffffffffffffffffff3900f8ffffffffffff690000000000000000000000000000000039a2d7490000000000e6ff940059ffffffffffffffa20000fffffffffffffffffff539000000000039b2ffe6390000000</w:t>
      </w:r>
      <w:r w:rsidRPr="00E163DE">
        <w:rPr>
          <w:rFonts w:ascii="Courier New" w:hAnsi="Courier New" w:cs="Courier New"/>
          <w:lang w:val="pt-BR"/>
        </w:rPr>
        <w:t>0000000000000000000000000ffffff49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59ffff39000000000000e6ffe60049ffffffffffffffffffffffffffffffffffffb200d7fff5160000000000f8ffffc00000000000fffffff8000000000000004916000000000000000049c0ffe694594969d7fffffffffffffffffff50000a2fffffffffff8000000000</w:t>
      </w:r>
      <w:r w:rsidRPr="00E163DE">
        <w:rPr>
          <w:rFonts w:ascii="Courier New" w:hAnsi="Courier New" w:cs="Courier New"/>
          <w:lang w:val="pt-BR"/>
        </w:rPr>
        <w:t>00000000000000000000000000000006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4900000059fffff516a2ffffffffffffffd70000c0fffffffffffffffffff594f8f8f8d7ffe669000000000000000023491600000000000023ffffff6900000000f8fffff516000000000078ffff5900ffffffffffffffffffffffffffffffffffffc023ffffa2000000000049fff</w:t>
      </w:r>
      <w:r w:rsidRPr="00E163DE">
        <w:rPr>
          <w:rFonts w:ascii="Courier New" w:hAnsi="Courier New" w:cs="Courier New"/>
          <w:lang w:val="pt-BR"/>
        </w:rPr>
        <w:t>fffff0000000023ffffffb2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23ffffffc0a2f8f8f8f8f8f8b2fffffffffffffffffffffffffffffffff80000d7ffffffffff23000000000000002359f8f8f878490000000000000000000000b2fffffff8e6ffffffffffffffff230039f5ffffffffffffffffffffffffffffffe6c0f8f8f8f8f8b2c0ffffffa</w:t>
      </w:r>
      <w:r w:rsidRPr="00E163DE">
        <w:rPr>
          <w:rFonts w:ascii="Courier New" w:hAnsi="Courier New" w:cs="Courier New"/>
          <w:lang w:val="pt-BR"/>
        </w:rPr>
        <w:t>200000000000049fffffff8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f8ffffffc0000000000023ffffa249ffffffffffffffffffffffffffffffffffffc078ffff690000000016f5ffffffff0000000049ffffffc0000000490000f8ffffffffffffffffffffffffffffffffffffffffffffffffffffffa2000049ffffffffffff23000000001694e6fffff</w:t>
      </w:r>
      <w:r w:rsidRPr="00E163DE">
        <w:rPr>
          <w:rFonts w:ascii="Courier New" w:hAnsi="Courier New" w:cs="Courier New"/>
          <w:lang w:val="pt-BR"/>
        </w:rPr>
        <w:t>fffffffffffe6a259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d7ffffffffffffffffffffffffff94000069fffffffffffffffffffffffffffffffffffffffffffffffffffffff5000023390000f8ffffffb200000000c0fffffffff80000000000d7fff549ffffffffffffffffffffffffffffffffffffc0d7ffff230000000094ffffffffff49000</w:t>
      </w:r>
      <w:r w:rsidRPr="00E163DE">
        <w:rPr>
          <w:rFonts w:ascii="Courier New" w:hAnsi="Courier New" w:cs="Courier New"/>
          <w:lang w:val="pt-BR"/>
        </w:rPr>
        <w:t>00078ffffffff160000e6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a2ffffffffffffffffffffffffffffffffffffffffffffffffffff78000000c0ffffffffffff6900000059e6fffffffffffffffffffffffffff5a25900000000f5ffffffffffffffffffffffffffff49000069f5ffffffffffffffffffffffffffffffffffffffffffffffffffff000094780</w:t>
      </w:r>
      <w:r w:rsidRPr="00E163DE">
        <w:rPr>
          <w:rFonts w:ascii="Courier New" w:hAnsi="Courier New" w:cs="Courier New"/>
          <w:lang w:val="pt-BR"/>
        </w:rPr>
        <w:t>000c0ffffffd700000000c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2300000000a2ffffa2fffffffffffffffffffffffffffffffffffff5ffffe60000000039ffffffffffff5900000094ffffffff690049ff5900c0ffffffffffffffffffffffffffffffffffffffffffffffffff6900000069ffd794f8f8f8f894000069ffffc0fffff800000000164</w:t>
      </w:r>
      <w:r w:rsidRPr="00E163DE">
        <w:rPr>
          <w:rFonts w:ascii="Courier New" w:hAnsi="Courier New" w:cs="Courier New"/>
          <w:lang w:val="pt-BR"/>
        </w:rPr>
        <w:t>978b2e6ffffffe669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a2fffffffffffffffffffffffffffff516000039f5ffffffffffffffffffffffffffffffffffffffffffffffffff0000e6b20000ffffffffff00000000ffffffffffffc00000000069fffff5ffffffffffffffffffffffffffffffffffffffffffb200000000c0fffffffffffff8000000c0fffff</w:t>
      </w:r>
      <w:r w:rsidRPr="00E163DE">
        <w:rPr>
          <w:rFonts w:ascii="Courier New" w:hAnsi="Courier New" w:cs="Courier New"/>
          <w:lang w:val="pt-BR"/>
        </w:rPr>
        <w:t>fffd700f8ffd700c0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569000000166916000000000000000000b2fff800f8fff51600000000000000001669d7ffffe67869fffffffffff5f839000000002369c09400000016d7ffffffffffffffffffffffffffffffffffffffffffffffff00f8ffc00069fffffff</w:t>
      </w:r>
      <w:r w:rsidRPr="00E163DE">
        <w:rPr>
          <w:rFonts w:ascii="Courier New" w:hAnsi="Courier New" w:cs="Courier New"/>
          <w:lang w:val="pt-BR"/>
        </w:rPr>
        <w:t>fff00000039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5900000039fffffffffffffffffffffffffffffffffffffffffffffffff800000059ffffffffffffffc0000000c0ffffffffff23f8ffff78c0fffffffffffffffffffffffffffffffffffffffffffff53900000000000000003969f8f869490000a2e6000016f5fff80000000000000000000</w:t>
      </w:r>
      <w:r w:rsidRPr="00E163DE">
        <w:rPr>
          <w:rFonts w:ascii="Courier New" w:hAnsi="Courier New" w:cs="Courier New"/>
          <w:lang w:val="pt-BR"/>
        </w:rPr>
        <w:t>00039a2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d723000000001600000000230000000000a2ffffffffffffffffffffffffffffffffffffffffffffff39ffffc016f5ffffffffff49000069ffffffffffffffd700000000fffffffffffffffffffffffffffffffffffffffffffffffff8000000c0ffffffffffffffff000000c0ffffffffffc0f8f</w:t>
      </w:r>
      <w:r w:rsidRPr="00E163DE">
        <w:rPr>
          <w:rFonts w:ascii="Courier New" w:hAnsi="Courier New" w:cs="Courier New"/>
          <w:lang w:val="pt-BR"/>
        </w:rPr>
        <w:t>ffff5e6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e669fffffffffffffff5390000000000001678e6fffffffffffff5a2b2c0000000f8fff5160000000000000000000000001694ffffffffb200002394f5ffffffc0690000000000000000a2fffffffffffffff8f8ffffffffffffffffffffffffffd7ffffc0f8ffffffffffff490000a</w:t>
      </w:r>
      <w:r w:rsidRPr="00E163DE">
        <w:rPr>
          <w:rFonts w:ascii="Courier New" w:hAnsi="Courier New" w:cs="Courier New"/>
          <w:lang w:val="pt-BR"/>
        </w:rPr>
        <w:t>2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49000000ffffffffffffffffffffffffffffffffffffffffffffffff69000023ffffffffffffffffff390000c0ffffffffffffe6ffffffffffffffffffffffffffffff780000c0fffffffffff53900000000000016d7ffffffffffffffffffffffe600000016f5c059000000000000000000000000000</w:t>
      </w:r>
      <w:r w:rsidRPr="00E163DE">
        <w:rPr>
          <w:rFonts w:ascii="Courier New" w:hAnsi="Courier New" w:cs="Courier New"/>
          <w:lang w:val="pt-BR"/>
        </w:rPr>
        <w:t>049e6fff5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160039f5ffffffffffffffd72300000000000000a2ffffffffffff230039e6fffffffffffffffffffffffffffffff5ffffffffffff490000d7ffffffffffffffffa2000000e6ffffffffffffffffffffffffffffffffff00ffffffffff490000a2fffffffffffffffffff80000fffffffffffffffffffffffffff</w:t>
      </w:r>
      <w:r w:rsidRPr="00E163DE">
        <w:rPr>
          <w:rFonts w:ascii="Courier New" w:hAnsi="Courier New" w:cs="Courier New"/>
          <w:lang w:val="pt-BR"/>
        </w:rPr>
        <w:t>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6900000059ffffffffb22300000000000016e6ffffffffffffffffffffffffff780000000000000000000000000000000000000000001694590016f5fffffffffffffffffff51600000000000000f8fffffff57800000016f5ffffffffffffffffffffffffffffffffffffffffff490023fffffffffff</w:t>
      </w:r>
      <w:r w:rsidRPr="00E163DE">
        <w:rPr>
          <w:rFonts w:ascii="Courier New" w:hAnsi="Courier New" w:cs="Courier New"/>
          <w:lang w:val="pt-BR"/>
        </w:rPr>
        <w:t>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230000c0ffffffffffffffffffffffffffffffffffffffffffffff490000e6ffffffffffffffffffe60000ffffffffffffffffffffffffffffffffffffffffffa2000000000023f8f839000000000000000069ffffffffffffffffffffffffa239000000000000000000000000000000000000000000000000000</w:t>
      </w:r>
      <w:r w:rsidRPr="00E163DE">
        <w:rPr>
          <w:rFonts w:ascii="Courier New" w:hAnsi="Courier New" w:cs="Courier New"/>
          <w:lang w:val="pt-BR"/>
        </w:rPr>
        <w:t>016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69e6ffffffffffffffffff94000000000000000023497816000000000069ffffffffffffffffffffffffffffffffffffffffff780094ffffffffffffffffffff780000c0ffffffffffffffffffffffffffffffffffffffffffffff590039ffffffffffffffffffffff3900fffffffffffffffffffffffffffffffffffff</w:t>
      </w:r>
      <w:r w:rsidRPr="00E163DE">
        <w:rPr>
          <w:rFonts w:ascii="Courier New" w:hAnsi="Courier New" w:cs="Courier New"/>
          <w:lang w:val="pt-BR"/>
        </w:rPr>
        <w:t>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5160000000000000000000000000000000000f8ffffffffffffffffffffff6900002349000000000000000000000000000000000000000000000000000039ffffffffffffffffffe6000000000000000000000000000000000000c0ffffffffffffffffffffffffffffffffffffffff5900e6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b20000f5fffffffffffffffffffffffffffffffffffffffffffffff80078ffffffffffffffffffffff9400d7ffffffffffffffffffffffffffffffffffffff9400000000000000000000000000000000000078ffffffffffd778ffffffc00016c0fffff5230016f89416000023160000006949000069d7690016d7f539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c</w:t>
      </w:r>
      <w:r w:rsidRPr="00E163DE">
        <w:rPr>
          <w:rFonts w:ascii="Courier New" w:hAnsi="Courier New" w:cs="Courier New"/>
          <w:lang w:val="pt-BR"/>
        </w:rPr>
        <w:t>0ffa2a2ffffffffffa200000000000000000000000000000000000023ffffffffffffffffffffffffffffffffffffffff4939fffffffffffffffffffffff50000fffffffffffffffffffffffffffffffffffffffffffffffff800b2fffffffffffffffffffffff500c0ffffffffffffffffffffffffffffffffffffff5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</w:t>
      </w:r>
      <w:r w:rsidRPr="00E163DE">
        <w:rPr>
          <w:rFonts w:ascii="Courier New" w:hAnsi="Courier New" w:cs="Courier New"/>
          <w:lang w:val="pt-BR"/>
        </w:rPr>
        <w:t>00000000000000000000000000000000000f8fffff5a21649fffffff80078fffff5490039d7ffa20016b2ffa20016d7ff690059ffd71600d7ffff4900c0fff800f8f5ffffb21600000000000000000000000000000000000000f5ffffffffffffffffffffffffffffffffffffff4994ffffffffffffffffffffffff4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fff</w:t>
      </w:r>
      <w:r w:rsidRPr="00E163DE">
        <w:rPr>
          <w:rFonts w:ascii="Courier New" w:hAnsi="Courier New" w:cs="Courier New"/>
          <w:lang w:val="pt-BR"/>
        </w:rPr>
        <w:t>fffffffffffffffffffffffffffffffffffffffffffffa200e6ffffffffffffffffffffffff59c0ffffffffffffffffffffffffffffffffffffff390000000000000000000000000000000000000000003900000049ffffffc00016c0a2160039f5fff80016d7ffa20000d7ffa20023f5ff390094ffffa20016f5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6900000</w:t>
      </w:r>
      <w:r w:rsidRPr="00E163DE">
        <w:rPr>
          <w:rFonts w:ascii="Courier New" w:hAnsi="Courier New" w:cs="Courier New"/>
          <w:lang w:val="pt-BR"/>
        </w:rPr>
        <w:t>00000000000000000000000000000000000000000000000c0ffffffffffffffffffffffffffffffffffffff16f5ffffffffffffffffffffffff6939ffffffffffffffffffffffffffffffffffffffffffffffffe600ffffffffffffffffffffffffffa294ffffffffffffffffffffffffffffffffffffff59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</w:t>
      </w:r>
      <w:r w:rsidRPr="00E163DE">
        <w:rPr>
          <w:rFonts w:ascii="Courier New" w:hAnsi="Courier New" w:cs="Courier New"/>
          <w:lang w:val="pt-BR"/>
        </w:rPr>
        <w:t>000000000000000000000000000000000000049ffffffff160000000000b2d7690016d7ffa20000a2ffa20000d7ff6900004959230000f8ffff490000000000000000000000000000000000000000000000000000e6ffffffffffffffffffffffffffffffffffffff59fffffffffffffffffffffffffff878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</w:t>
      </w:r>
      <w:r w:rsidRPr="00E163DE">
        <w:rPr>
          <w:rFonts w:ascii="Courier New" w:hAnsi="Courier New" w:cs="Courier New"/>
          <w:lang w:val="pt-BR"/>
        </w:rPr>
        <w:t>fffffffffffffffffffffffffffffffffffff39fffffffffffffffffffffffffff594ffffffffffffffffffffffffffffffffffffff940000000000000000000000000000000000000000000000000049ffffffffe6f800002300000000000069690000167878000000231600001600000000a2ffffff78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</w:t>
      </w:r>
      <w:r w:rsidRPr="00E163DE">
        <w:rPr>
          <w:rFonts w:ascii="Courier New" w:hAnsi="Courier New" w:cs="Courier New"/>
          <w:lang w:val="pt-BR"/>
        </w:rPr>
        <w:t>0000000000000000000000000000000000023ffffffffffffffffffffffffffc0c0e6ffffffffa2ffffffffffffffffffffffffff94b2ffffffffffffffffffffffffffffffffffffffffffffffffff94fffffffffffffffffffffffffffff5ffd769160000003969e6ffffffffffffffffffe6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</w:t>
      </w:r>
      <w:r w:rsidRPr="00E163DE">
        <w:rPr>
          <w:rFonts w:ascii="Courier New" w:hAnsi="Courier New" w:cs="Courier New"/>
          <w:lang w:val="pt-BR"/>
        </w:rPr>
        <w:t>00000000000000000000000000049ffffffffffc00000ffa259f869000000000000000000005923000023d7ffd7c03900c0fffffff800000000000000000000000000000000000000000000000000f8ffffffffffffffffffe67823000000003994f5ffffffffffffffffffffffffffffffc0e6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7800000000000000000049f5fffffffffffffffff800000000000000000000000000000000000000000000000069ffffffffffe60000f5ffffffff2300000000000000f8e6ffffe60039ffffffff780094ffffffa2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</w:t>
      </w:r>
      <w:r w:rsidRPr="00E163DE">
        <w:rPr>
          <w:rFonts w:ascii="Courier New" w:hAnsi="Courier New" w:cs="Courier New"/>
          <w:lang w:val="pt-BR"/>
        </w:rPr>
        <w:t>0000000000000000000000039fffffffffffffffff57800000000000000000039d7fffffffffffffffffffffffffffffffffffffffffffffffffffffffffffffffffffffffffffffffffffffffffffffffffffffffffffffff5590000006994c0a27816000016c0ffffffffffffffff94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</w:t>
      </w:r>
      <w:r w:rsidRPr="00E163DE">
        <w:rPr>
          <w:rFonts w:ascii="Courier New" w:hAnsi="Courier New" w:cs="Courier New"/>
          <w:lang w:val="pt-BR"/>
        </w:rPr>
        <w:t>00000000000000000a2ffffffffffff23002369e6ffff780000000000000023f8a2ffff23005994ffffb20039fffffff5160000000000000000000000000000000000000000000078f5fffffffffffffff53900000059a2c0c0942300000094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539000049f5fffffffffff569000000c0fffffffffffffffff59478496994c000000000000000000000000000000023ffffffffffffffd7390000a2ffffd700000000000000000000ffff78000000f5fff50000ffffffff69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f8b</w:t>
      </w:r>
      <w:r w:rsidRPr="00E163DE">
        <w:rPr>
          <w:rFonts w:ascii="Courier New" w:hAnsi="Courier New" w:cs="Courier New"/>
          <w:lang w:val="pt-BR"/>
        </w:rPr>
        <w:t>278497894e6ffffffffffffffffff39000049e6ffffffffffffa216000094ffffffffffffffffffffffffffffffffffffffffffffffffffffffffffffffffffffffffffffffffffffffffffffffffffffffff78000069fffffffffffffffffff8000016d7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80000000000000000000000000</w:t>
      </w:r>
      <w:r w:rsidRPr="00E163DE">
        <w:rPr>
          <w:rFonts w:ascii="Courier New" w:hAnsi="Courier New" w:cs="Courier New"/>
          <w:lang w:val="pt-BR"/>
        </w:rPr>
        <w:t>00000b2ffffffffffffffffff7800f8ffffff23000000000000000039ffffff230039f5ffb20000fffffffff539000000000000000000000000000039ffffffffffffffffffffffffffff69000069ffffffffffffffffffd7160016e6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</w:t>
      </w:r>
      <w:r w:rsidRPr="00E163DE">
        <w:rPr>
          <w:rFonts w:ascii="Courier New" w:hAnsi="Courier New" w:cs="Courier New"/>
          <w:lang w:val="pt-BR"/>
        </w:rPr>
        <w:t>fffffffffffffffffffffffffffffffc0000059ffffffffffffffffffffffa2000023fffffffffffffffffffffffff52300000000000000c0390000000016a2fffffffffffffffffffff800f8ffffff780000000000000000a2ffff690016f5ffe61600a2fffffffffff539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16f84900000000000000b2fffffffff</w:t>
      </w:r>
      <w:r w:rsidRPr="00E163DE">
        <w:rPr>
          <w:rFonts w:ascii="Courier New" w:hAnsi="Courier New" w:cs="Courier New"/>
          <w:lang w:val="pt-BR"/>
        </w:rPr>
        <w:t>fffffffffffffff78000069ffffffffffffffffffffffd7000049ffffffffffffffffffffffffffffffffffffffffffffffffffffffffffffffffffffffffffffffffffffffffffffffffffff230016f5ffffffffffffffffffffffff780000f8ffffffffffffffffffffff49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ffffa2f8f894f5fffffff</w:t>
      </w:r>
      <w:r w:rsidRPr="00E163DE">
        <w:rPr>
          <w:rFonts w:ascii="Courier New" w:hAnsi="Courier New" w:cs="Courier New"/>
          <w:lang w:val="pt-BR"/>
        </w:rPr>
        <w:t>fffffffffffffc04900f8fffffffffffff5c0946916000069780016d7ffffc00000c0ffffffffffffffe6b2f8d7ffff490000000000000016f5ffffffffffffffffffffd7000049fffffffffffffffffffffffffff80000a2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</w:t>
      </w:r>
      <w:r w:rsidRPr="00E163DE">
        <w:rPr>
          <w:rFonts w:ascii="Courier New" w:hAnsi="Courier New" w:cs="Courier New"/>
          <w:lang w:val="pt-BR"/>
        </w:rPr>
        <w:t>fffffffffffffffffffd70000f8fffffffffffffffffffffffffff5230000d7ffffffffffffffffff69000000000000000000ffffffffffffffffffffffffffffd74900000000f8fff559e6fffffffffffff59423000000b2ffffffff780069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49000000000000000039e6fffffffffffffff</w:t>
      </w:r>
      <w:r w:rsidRPr="00E163DE">
        <w:rPr>
          <w:rFonts w:ascii="Courier New" w:hAnsi="Courier New" w:cs="Courier New"/>
          <w:lang w:val="pt-BR"/>
        </w:rPr>
        <w:t>fff490000d7fffffffffffffffffffffffffff5230059fffffffffffffffffffffffffffffffffffffffffffffffffffffffffffffffffffffffffffffffffffffffffffffffff80000f5f5a2f8495994d7ffffffffffffffc0000049ffffffffffffffe659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ffffffffffffffffffffffffffff690</w:t>
      </w:r>
      <w:r w:rsidRPr="00E163DE">
        <w:rPr>
          <w:rFonts w:ascii="Courier New" w:hAnsi="Courier New" w:cs="Courier New"/>
          <w:lang w:val="pt-BR"/>
        </w:rPr>
        <w:t>000594900f8ff690039f5fffffffffffffff5590049ffffffffffc00049ffffffffffffffffffffffffff4900000000000000000016a2ffffffffffffffa2000078ffffffffffffffe69449494959b2ff780016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</w:t>
      </w:r>
      <w:r w:rsidRPr="00E163DE">
        <w:rPr>
          <w:rFonts w:ascii="Courier New" w:hAnsi="Courier New" w:cs="Courier New"/>
          <w:lang w:val="pt-BR"/>
        </w:rPr>
        <w:t>fffffffff390049690000000000000069f5ffffffffffff49000069b2fffff5a269000000000000000000000023fffffffffffffffffffffffffff51600d7ffffffff7800000039ffffffffffffffffffb2e6ffffffffffc00049ffffffffffffffffffffffffff78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2378c0d7ffe694160016f5f</w:t>
      </w:r>
      <w:r w:rsidRPr="00E163DE">
        <w:rPr>
          <w:rFonts w:ascii="Courier New" w:hAnsi="Courier New" w:cs="Courier New"/>
          <w:lang w:val="pt-BR"/>
        </w:rPr>
        <w:t>fffffffffff940000000000000023780000b2ffffffffffffffffffffffffffffffffffffffffffffffffffffffffffffffffffffffffffffffffffffffffffffff000000000000234923000016f5ffffffffffffc0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69ffffffffffffffffffffffffffa20039ffff49494</w:t>
      </w:r>
      <w:r w:rsidRPr="00E163DE">
        <w:rPr>
          <w:rFonts w:ascii="Courier New" w:hAnsi="Courier New" w:cs="Courier New"/>
          <w:lang w:val="pt-BR"/>
        </w:rPr>
        <w:t>90000b22300394949d7fffffffffffffffffffffffff80069ffffffffffffffffffffffffff940000000000000000000000000000000000000000f8fffffffffffffff80000234949230000000000f8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50</w:t>
      </w:r>
      <w:r w:rsidRPr="00E163DE">
        <w:rPr>
          <w:rFonts w:ascii="Courier New" w:hAnsi="Courier New" w:cs="Courier New"/>
          <w:lang w:val="pt-BR"/>
        </w:rPr>
        <w:t>000000069e6ffffff000069ffffffffffffffff490000000000000000000000000000000000000094ffffffffffffffffffffffffff390094fff50000000094ffd70000000078fffffffffffffffffffffff51600a2ffffffffffffffffffffffffffc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16f5fffffffffffff</w:t>
      </w:r>
      <w:r w:rsidRPr="00E163DE">
        <w:rPr>
          <w:rFonts w:ascii="Courier New" w:hAnsi="Courier New" w:cs="Courier New"/>
          <w:lang w:val="pt-BR"/>
        </w:rPr>
        <w:t>ff5000094ffffffc059000000f8ffffffffffffffffffffffffffffffffffffffffffffffffffffffffffffffffffffffffffffffffffffffffffffc0000059e6ffffffffd70000d7ffffffffffffffffd700000000000000000000000000000000000000d7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d70000f5ff780016c0c0ffffffd</w:t>
      </w:r>
      <w:r w:rsidRPr="00E163DE">
        <w:rPr>
          <w:rFonts w:ascii="Courier New" w:hAnsi="Courier New" w:cs="Courier New"/>
          <w:lang w:val="pt-BR"/>
        </w:rPr>
        <w:t>7b2490023ffffffffffffffffffffff940000f5ffffffffffffffffffffffffffff1600000000000000000000000000000000000094ffffffffffffffffff3900f8ffffffffff940000f8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c000f8fffffff</w:t>
      </w:r>
      <w:r w:rsidRPr="00E163DE">
        <w:rPr>
          <w:rFonts w:ascii="Courier New" w:hAnsi="Courier New" w:cs="Courier New"/>
          <w:lang w:val="pt-BR"/>
        </w:rPr>
        <w:t>fffff940000fffffffffffffffffffff8000000000000000000000000000000000016ffffffffffffffffffffffffff780069ffe60000a2ffffffffffffffe60000f8ffffffffffffffffffffff690059fffffffffffffffffffffffffffff8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39fffffffffffffffffffff80049f</w:t>
      </w:r>
      <w:r w:rsidRPr="00E163DE">
        <w:rPr>
          <w:rFonts w:ascii="Courier New" w:hAnsi="Courier New" w:cs="Courier New"/>
          <w:lang w:val="pt-BR"/>
        </w:rPr>
        <w:t>fffffffffffd73959ffffffffffffffffffffffffffffffffffffffffffffffffffffffffffffffffffffffffffffffffffffffffffffd7c0fffffffffffffff80016ffffffffffffffc0f849390000000000000000000000000000000000f8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1600b2ff690023fffff869494978b2fff8001</w:t>
      </w:r>
      <w:r w:rsidRPr="00E163DE">
        <w:rPr>
          <w:rFonts w:ascii="Courier New" w:hAnsi="Courier New" w:cs="Courier New"/>
          <w:lang w:val="pt-BR"/>
        </w:rPr>
        <w:t>6494949494949494949a2fff50000fffffffffffffffffffffffffffff51600000000000000000000000000000000002349f8e6fffffffffffff80039fffffffffffffff5b2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8001</w:t>
      </w:r>
      <w:r w:rsidRPr="00E163DE">
        <w:rPr>
          <w:rFonts w:ascii="Courier New" w:hAnsi="Courier New" w:cs="Courier New"/>
          <w:lang w:val="pt-BR"/>
        </w:rPr>
        <w:t>6ffffffffffb249000000000000000000000000000000000000000039ffffffffffffffffffffffffffa20023ffc00000c0ffff000000000049fff51600000000000039494949a2ffff1600fffffffffffffffffffffffffffffff8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69e6fffffffff80039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b20000ffffffff690000002369a2c0940000000000000000000000000016d7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490078ffc00000f5fff5000000000049ffff3900000000f8f</w:t>
      </w:r>
      <w:r w:rsidRPr="00E163DE">
        <w:rPr>
          <w:rFonts w:ascii="Courier New" w:hAnsi="Courier New" w:cs="Courier New"/>
          <w:lang w:val="pt-BR"/>
        </w:rPr>
        <w:t>fffffffffffffd70016ffffffffffffffffffffffffffffffff690000000000000000000000000069d7c0a25900000016d7ffffff590059ffffffffffffffffffffffffffffffffffffffffffffffffffffffffffffffffffffffffffff78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c00000c0ffff590</w:t>
      </w:r>
      <w:r w:rsidRPr="00E163DE">
        <w:rPr>
          <w:rFonts w:ascii="Courier New" w:hAnsi="Courier New" w:cs="Courier New"/>
          <w:lang w:val="pt-BR"/>
        </w:rPr>
        <w:t>00023a2ffffffffffd7160000000000000000000023d7fffffffffffffffffffffffffff5000039f5ff230069ffe6b2f80016c0c0ffc00000000078fff594f8f8f8f8591600a2fffffffffffffffffffffffffffffffffff8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f8ffffffffffe669000016b2ffff1600f8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230069fff8000059f5fffffffffffffff5f8160000000000001678f5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c0160016c0940023fffff5230000f8ffff690000000094ffa2000000000</w:t>
      </w:r>
      <w:r w:rsidRPr="00E163DE">
        <w:rPr>
          <w:rFonts w:ascii="Courier New" w:hAnsi="Courier New" w:cs="Courier New"/>
          <w:lang w:val="pt-BR"/>
        </w:rPr>
        <w:t>0000000f8e6ffffffffffffffffffffffffffffffffffb2390000000000000069e6ffffffffffffffffb2160023f5a20000d7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780000c0160069fffffffff</w:t>
      </w:r>
      <w:r w:rsidRPr="00E163DE">
        <w:rPr>
          <w:rFonts w:ascii="Courier New" w:hAnsi="Courier New" w:cs="Courier New"/>
          <w:lang w:val="pt-BR"/>
        </w:rPr>
        <w:t>ffffffffffffff5b2f849f8f8a2f5ffffffffffffffffffffffffffffffffffffe6390000160039fffff800000000e6fff80000000049fff594f8f8f8f8f849160016d7ffffffffffffffffffffffffffffffffffffe6a2f8f894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c0ffffffffffffffffffffffffc0000078160049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e61600000023f5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69000016e6ffe60069c0c00049ffff590000000059c0d7ffffffffffffff690</w:t>
      </w:r>
      <w:r w:rsidRPr="00E163DE">
        <w:rPr>
          <w:rFonts w:ascii="Courier New" w:hAnsi="Courier New" w:cs="Courier New"/>
          <w:lang w:val="pt-BR"/>
        </w:rPr>
        <w:t>023fffffffffffffffffffffffffffffffffffffffffffffffffffffffffffffffffffffffffff800000000c0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94000000b2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c0000094ffff5900f8ffff0000a2fff5000000000000000000000094ffffff3900b2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23000049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490023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230059ffc00000f8ffff490016f5f8000000001649494949490000000000000078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780039f5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6969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c00000c0ffffffffffffffffffe6160000000049ffffffffffc049000000000049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b239f5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d7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690039fffffffffffffffffff8000000000049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5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c00049f594c0e6fff5c094e6f8000000000049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c0002323000000000000001639000000000049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c0000000000000000000000000000000000049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80049a2e6fff5690000000000000000000049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94c0ffffffffff78000000c0ffffff00000049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a200000000c0ffffff00000000f8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b20000000000c0ffffff000000000078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8000000000078ffffa2000000000049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8000000000016d7d723000000000049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ffffffff8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161600000000000049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8000000000000000000000000000049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8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49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800000</w:t>
      </w:r>
      <w:r w:rsidRPr="00E163DE">
        <w:rPr>
          <w:rFonts w:ascii="Courier New" w:hAnsi="Courier New" w:cs="Courier New"/>
          <w:lang w:val="pt-BR"/>
        </w:rPr>
        <w:t>0000000000000000000000049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2d000000f7000003140000000000800000000080000</w:t>
      </w:r>
      <w:r w:rsidRPr="00E163DE">
        <w:rPr>
          <w:rFonts w:ascii="Courier New" w:hAnsi="Courier New" w:cs="Courier New"/>
          <w:lang w:val="pt-BR"/>
        </w:rPr>
        <w:t>080800000000080008000800000808000c0c0c000c0dcc000a6caf000fffbf000a0a0a40080808000ff00000000ff0000ffff00000000ff00ff00ff0000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00ffffff000400000034020100030000000000}{\result {\f1 {\pict{\*\picprop\shplid1025{\sp{\sn shapeType}{\sv 75}}{\sp{\sn fFlipH}{\</w:t>
      </w:r>
      <w:r w:rsidRPr="00E163DE">
        <w:rPr>
          <w:rFonts w:ascii="Courier New" w:hAnsi="Courier New" w:cs="Courier New"/>
          <w:lang w:val="pt-BR"/>
        </w:rPr>
        <w:t>sv 0}}{\sp{\sn fFlipV}{\sv 0}}{\sp{\sn fillColor}{\sv 268435473}}{\sp{\sn fFilled}{\sv 0}}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{\sp{\sn fLine}{\sv 0}}{\sp{\sn fLayoutInCell}{\sv 1}}{\sp{\sn fLayoutInCell}{\sv 1}}}\picscalex55\picscaley55\piccropl0\piccropr0\piccropt0\piccropb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\picw4921\pi</w:t>
      </w:r>
      <w:r w:rsidRPr="00E163DE">
        <w:rPr>
          <w:rFonts w:ascii="Courier New" w:hAnsi="Courier New" w:cs="Courier New"/>
          <w:lang w:val="pt-BR"/>
        </w:rPr>
        <w:t>ch4392\picwgoal2790\pichgoal2490\wmetafile8\bliptag1602820608\blipupi96{\*\blipuid 5f891a00a682acb0b48750477adf6364}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10009000003fe4100000200733f00000000050000000b0200000000050000000c02a600ba003d020000f70000031c01000000000101010002020200030303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4040400</w:t>
      </w:r>
      <w:r w:rsidRPr="00E163DE">
        <w:rPr>
          <w:rFonts w:ascii="Courier New" w:hAnsi="Courier New" w:cs="Courier New"/>
          <w:lang w:val="pt-BR"/>
        </w:rPr>
        <w:t>05050500060606000707070008080800090909000a0a0a000b0b0b000c0c0c000d0d0d000e0e0e000f0f0f00101010001111110012121200131313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1414140015151500161616001717170018181800191919001a1a1a001b1b1b001c1c1c001d1d1d001e1e1e001f1f1f00202020002121210022222200232323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2424</w:t>
      </w:r>
      <w:r w:rsidRPr="00E163DE">
        <w:rPr>
          <w:rFonts w:ascii="Courier New" w:hAnsi="Courier New" w:cs="Courier New"/>
          <w:lang w:val="pt-BR"/>
        </w:rPr>
        <w:t>240025252500262626002727270028282800292929002a2a2a002b2b2b002c2c2c002d2d2d002e2e2e002f2f2f00303030003131310032323200333333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3434340035353500363636003737370038383800393939003a3a3a003b3b3b003c3c3c003d3d3d003e3e3e003f3f3f00404040004141410042424200434343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4444440045454500464646004747470048484800494949004a4a4a004b4b4b004c4c4c004d4d4d004e4e4e004f4f4f00505050005151510052525200535353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5454540055555500565656005757570058585800595959005a5a5a005b5b5b005c5c5c005d5d5d005e5e5e005f5f5f00606060006161610062626200636363</w:t>
      </w:r>
      <w:r w:rsidRPr="00E163DE">
        <w:rPr>
          <w:rFonts w:ascii="Courier New" w:hAnsi="Courier New" w:cs="Courier New"/>
          <w:lang w:val="pt-BR"/>
        </w:rPr>
        <w:t>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6464640065656500666666006767670068686800696969006a6a6a006b6b6b006c6c6c006d6d6d006e6e6e006f6f6f00707070007171710072727200737373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7474740075757500767676007777770078787800797979007a7a7a007b7b7b007c7c7c007d7d7d007e7e7e007f7f7f0080808000818181008282820083</w:t>
      </w:r>
      <w:r w:rsidRPr="00E163DE">
        <w:rPr>
          <w:rFonts w:ascii="Courier New" w:hAnsi="Courier New" w:cs="Courier New"/>
          <w:lang w:val="pt-BR"/>
        </w:rPr>
        <w:t>8383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8484840085858500868686008787870088888800898989008a8a8a008b8b8b008c8c8c008d8d8d008e8e8e008f8f8f00909090009191910092929200939393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9494940095959500969696009797970098989800999999009a9a9a009b9b9b009c9c9c009d9d9d009e9e9e009f9f9f00a0a0a000a1a1a100a2a2a2</w:t>
      </w:r>
      <w:r w:rsidRPr="00E163DE">
        <w:rPr>
          <w:rFonts w:ascii="Courier New" w:hAnsi="Courier New" w:cs="Courier New"/>
          <w:lang w:val="pt-BR"/>
        </w:rPr>
        <w:t>00a3a3a3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a4a4a400a5a5a500a6a6a600a7a7a700a8a8a800a9a9a900aaaaaa00ababab00acacac00adadad00aeaeae00afafaf00b0b0b000b1b1b100b2b2b200b3b3b3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b4b4b400b5b5b500b6b6b600b7b7b700b8b8b800b9b9b900bababa00bbbbbb00bcbcbc00bdbdbd00bebebe00bfbfbf00c0c0c000c1c1c100c2</w:t>
      </w:r>
      <w:r w:rsidRPr="00E163DE">
        <w:rPr>
          <w:rFonts w:ascii="Courier New" w:hAnsi="Courier New" w:cs="Courier New"/>
          <w:lang w:val="pt-BR"/>
        </w:rPr>
        <w:t>c2c200c3c3c3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c4c4c400c5c5c500c6c6c600c7c7c700c8c8c800c9c9c900cacaca00cbcbcb00cccccc00cdcdcd00cecece00cfcfcf00d0d0d000d1d1d100d2d2d200d3d3d3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d4d4d400d5d5d500d6d6d600d7d7d700d8d8d800d9d9d900dadada00dbdbdb00dcdcdc00dddddd00dedede00dfdfdf00e0e0e000e1e1e1</w:t>
      </w:r>
      <w:r w:rsidRPr="00E163DE">
        <w:rPr>
          <w:rFonts w:ascii="Courier New" w:hAnsi="Courier New" w:cs="Courier New"/>
          <w:lang w:val="pt-BR"/>
        </w:rPr>
        <w:t>00e2e2e200e3e3e3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e4e4e400e5e5e500e6e6e600e7e7e700e8e8e800e9e9e900eaeaea00ebebeb00ececec00ededed00eeeeee00efefef00f0f0f000f1f1f100f2f2f200f3f3f3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4f4f400f5f5f500f6f6f600f7f7f700f8f8f800f9f9f900fafafa00fbfbfb00fcfcfc00fdfdfd00fefefe00ffffff00ffffff0000</w:t>
      </w:r>
      <w:r w:rsidRPr="00E163DE">
        <w:rPr>
          <w:rFonts w:ascii="Courier New" w:hAnsi="Courier New" w:cs="Courier New"/>
          <w:lang w:val="pt-BR"/>
        </w:rPr>
        <w:t>000000c0c0c00080808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ff000000800000ffff000080800000ff000000800000ffff000080800000ff00000080000000ff00ff0080008000f0fbff004080800080ff0000404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0c8a400ff800000a4a0a000804000008000ff0080004000c0dcc000004080000400000034020000030000003500733f000041</w:t>
      </w:r>
      <w:r w:rsidRPr="00E163DE">
        <w:rPr>
          <w:rFonts w:ascii="Courier New" w:hAnsi="Courier New" w:cs="Courier New"/>
          <w:lang w:val="pt-BR"/>
        </w:rPr>
        <w:t>0b2000cc00a600ba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a600ba000000000028000000bb000000a70000000100080000000000a47a000000000000000000000000000000000000000000000000bf0000bf000000bfbf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bf000000bf00bf00bfbf0000c0c0c000c0dcc000f0c8a40001010100020202000303030005050500060606000707070009</w:t>
      </w:r>
      <w:r w:rsidRPr="00E163DE">
        <w:rPr>
          <w:rFonts w:ascii="Courier New" w:hAnsi="Courier New" w:cs="Courier New"/>
          <w:lang w:val="pt-BR"/>
        </w:rPr>
        <w:t>0909000a0a0a000b0b0b000d0d0d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e0e0e000f0f0f0010101000121212001313130014141400151515001717170018181800191919001a1a1a001b1b1b001d1d1d001e1e1e001f1f1f0020202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212121002323230024242400252525002626260027272700282828002a2a2a0004040400080808000c0c0c00111111</w:t>
      </w:r>
      <w:r w:rsidRPr="00E163DE">
        <w:rPr>
          <w:rFonts w:ascii="Courier New" w:hAnsi="Courier New" w:cs="Courier New"/>
          <w:lang w:val="pt-BR"/>
        </w:rPr>
        <w:t>00161616001c1c1c0022222200292929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2b2b2b002c2c2c002d2d2d002e2e2e002f2f2f00303030003131310032323200333333003434340035353500363636003737370038383800393939003a3a3a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3b3b3b003c3c3c003d3d3d003e3e3e003f3f3f0040404000414141004242420043434300444444004545450046</w:t>
      </w:r>
      <w:r w:rsidRPr="00E163DE">
        <w:rPr>
          <w:rFonts w:ascii="Courier New" w:hAnsi="Courier New" w:cs="Courier New"/>
          <w:lang w:val="pt-BR"/>
        </w:rPr>
        <w:t>4646004747470048484800494949004a4a4a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4b4b4b004c4c4c004d4d4d004e4e4e004f4f4f00505050005151510052525200535353005454540055555500565656005757570058585800595959005a5a5a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5b5b5b005c5c5c005d5d5d005e5e5e005f5f5f006060600061616100626262006363630064646400656565</w:t>
      </w:r>
      <w:r w:rsidRPr="00E163DE">
        <w:rPr>
          <w:rFonts w:ascii="Courier New" w:hAnsi="Courier New" w:cs="Courier New"/>
          <w:lang w:val="pt-BR"/>
        </w:rPr>
        <w:t>006666660067676700686868006a6a6a006b6b6b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6c6c6c006d6d6d006e6e6e006f6f6f007070700071717100727272007373730074747400757575007676760078787800797979007a7a7a007b7b7b007c7c7c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7d7d7d007e7e7e007f7f7f008181810082828200838383008484840085858500878787008888880089</w:t>
      </w:r>
      <w:r w:rsidRPr="00E163DE">
        <w:rPr>
          <w:rFonts w:ascii="Courier New" w:hAnsi="Courier New" w:cs="Courier New"/>
          <w:lang w:val="pt-BR"/>
        </w:rPr>
        <w:t>8989008a8a8a008b8b8b008c8c8c008d8d8d008e8e8e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8f8f8f009090900091919100929292009393930094949400959595009797970098989800999999009a9a9a009b9b9b009c9c9c009e9e9e009f9f9f00a0a0a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a1a1a100a2a2a200a3a3a300a5a5a500a6a6a600a7a7a700a8a8a800a9a9a900aaaaaa00ababab</w:t>
      </w:r>
      <w:r w:rsidRPr="00E163DE">
        <w:rPr>
          <w:rFonts w:ascii="Courier New" w:hAnsi="Courier New" w:cs="Courier New"/>
          <w:lang w:val="pt-BR"/>
        </w:rPr>
        <w:t>00acacac00adadad00aeaeae00afafaf00b0b0b000b1b1b1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b3b3b300b4b4b400b5b5b500b6b6b600b7b7b700b8b8b800b9b9b900bababa00bbbbbb00bcbcbc00bdbdbd00bebebe00bfbfbf00c1c1c100c2c2c200c3c3c3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c4c4c400c5c5c500696969007777770086868600969696009d9d9d00a4a4a400b2b2b200c6</w:t>
      </w:r>
      <w:r w:rsidRPr="00E163DE">
        <w:rPr>
          <w:rFonts w:ascii="Courier New" w:hAnsi="Courier New" w:cs="Courier New"/>
          <w:lang w:val="pt-BR"/>
        </w:rPr>
        <w:t>c6c600c7c7c700c8c8c800c9c9c900cacaca00cbcbcb00cccccc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cdcdcd00cecece00cfcfcf00d0d0d000d1d1d100d2d2d200d3d3d300d4d4d400d5d5d500d6d6d600d7d7d700d8d8d800d9d9d900dadada00dbdbdb00dcdcdc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dddddd00dedede00dfdfdf00e0e0e000e1e1e100e2e2e200e3e3e300e4e4e400e5e5e5</w:t>
      </w:r>
      <w:r w:rsidRPr="00E163DE">
        <w:rPr>
          <w:rFonts w:ascii="Courier New" w:hAnsi="Courier New" w:cs="Courier New"/>
          <w:lang w:val="pt-BR"/>
        </w:rPr>
        <w:t>00e6e6e600e7e7e700e8e8e800e9e9e900eaeaea00ebebeb00ececec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ededed00eeeeee00f0fbff00a4a0a000808080000000ff0000ff000000ffff00ff000000ff00ff00ffff0000ffffff00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5c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94f8f87849494949494969f8f894c0f5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e6f84916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164978b2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00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a24900000000000016494978f8f8f8f8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8f8784949390000000000001659e6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8160000004978a2c0fffffffffffffffffff5d7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d7b2f8590000001694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00001678e6ffffffe6f8b2d739000000c0d7160000a2ff7878e6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5a2230000c0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0000c0ffa259fff5c000f8f50039c0c0e64900a25900fff800b2c0ff49a2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0000c0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</w:t>
      </w:r>
      <w:r w:rsidRPr="00E163DE">
        <w:rPr>
          <w:rFonts w:ascii="Courier New" w:hAnsi="Courier New" w:cs="Courier New"/>
          <w:lang w:val="pt-BR"/>
        </w:rPr>
        <w:t>ffffffffffd794f8694969f894ffff0000c0ff4900f800a200f8ff2349ffffff4923ffc000fff8009400b20049ffff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c0ffb2f8f8494978f8b2e6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4994ffffe6d7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b278230000000000000000ffff0000c0fff84959009400c0ff491639f8ff4949ffc000ffc000f800f80049ffff0000c0ff49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3978e6ff</w:t>
      </w:r>
      <w:r w:rsidRPr="00E163DE">
        <w:rPr>
          <w:rFonts w:ascii="Courier New" w:hAnsi="Courier New" w:cs="Courier New"/>
          <w:lang w:val="pt-BR"/>
        </w:rPr>
        <w:t>ffffffffffffffffffffffffffffffffffffffffffffb2ffffb249d7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b20059ff9416c0ffa2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e66900</w:t>
      </w:r>
      <w:r w:rsidRPr="00E163DE">
        <w:rPr>
          <w:rFonts w:ascii="Courier New" w:hAnsi="Courier New" w:cs="Courier New"/>
          <w:lang w:val="pt-BR"/>
        </w:rPr>
        <w:t>0000000039497869390000ffff0000c0fff84923003900c0ff492378a2ff4949ffc000ffc0004900490078ffff0000c0ff49004969494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49000000000049b2ffffffffffffffffffffffffffffffffffb2ffff5939ffa20049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940000c0690059ff23b2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e6690000000049a2f5ffffffffc00000fff50000c0fff82300230000c0ff1649ffe6ff3900ffc000d7c00000390000f8ffff0000c0ff4900f8ffffffffffb278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2300000023</w:t>
      </w:r>
      <w:r w:rsidRPr="00E163DE">
        <w:rPr>
          <w:rFonts w:ascii="Courier New" w:hAnsi="Courier New" w:cs="Courier New"/>
          <w:lang w:val="pt-BR"/>
        </w:rPr>
        <w:t>a2ffffffffffffffffffffffffffffff23c0b20000c0160023f5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55900000016000000690078ffffffffffffffffffffffffd76900000023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94e6ff</w:t>
      </w:r>
      <w:r w:rsidRPr="00E163DE">
        <w:rPr>
          <w:rFonts w:ascii="Courier New" w:hAnsi="Courier New" w:cs="Courier New"/>
          <w:lang w:val="pt-BR"/>
        </w:rPr>
        <w:t>ffff4916ffffc0000069000000c0fff80000780000b2f500164900ff0000ffb200c0b20000a2000049ffff000000392300f8ffff1649d7ffffffc049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23a2ffffffffffffffffffffffffc000394900000000000016b2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</w:t>
      </w:r>
      <w:r w:rsidRPr="00E163DE">
        <w:rPr>
          <w:rFonts w:ascii="Courier New" w:hAnsi="Courier New" w:cs="Courier New"/>
          <w:lang w:val="pt-BR"/>
        </w:rPr>
        <w:t>fffffffffffffffffffffffffffffffffffffffffffffffffffffffff5390000000000000000000049ffffffffffffffffffffc04900000023a2ffc069ffc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4949ffffc0000000000000c0fff80000d7003994e6f8f8f8c0fff8f8ffc0f8c0f82300f5230049ffff000000000000f8ffff4900c0ffc069c0ffc049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23a2ffffffffffffffffffff940000000000000000000000a2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49000000000000000000000049ffffffffffffffffc04900000023a2ffffff4900b200c049</w:t>
      </w:r>
      <w:r w:rsidRPr="00E163DE">
        <w:rPr>
          <w:rFonts w:ascii="Courier New" w:hAnsi="Courier New" w:cs="Courier New"/>
          <w:lang w:val="pt-BR"/>
        </w:rPr>
        <w:t>49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c0000000000000c0ff7869b2ffffffffffffffffffffffffffffffffffffffffd7f859ffff000000000000f8ffff6900fffff50049ffe6ffc0490000003994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5fffffffffffffff8000000000000000000000000c0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6900000000000000000000000069fffffffffff5a24900000023a2f5f8f8e6ff7800f800694949ffffc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c0ffffffffc0b2f87849490000000000000016494969f8f8c0ffffffffff000000000000f8fffff8002394ff5939e66916b2ffe66900</w:t>
      </w:r>
      <w:r w:rsidRPr="00E163DE">
        <w:rPr>
          <w:rFonts w:ascii="Courier New" w:hAnsi="Courier New" w:cs="Courier New"/>
          <w:lang w:val="pt-BR"/>
        </w:rPr>
        <w:t>00000069c0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b200000000000000000000000016d7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d7c0c0c0c0b2c0d7fffffff56900000000000000000000000000a2ffffffb2690000000023a2fff516000049fff8005900163949ff</w:t>
      </w:r>
      <w:r w:rsidRPr="00E163DE">
        <w:rPr>
          <w:rFonts w:ascii="Courier New" w:hAnsi="Courier New" w:cs="Courier New"/>
          <w:lang w:val="pt-BR"/>
        </w:rPr>
        <w:t>ffc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c0e6a259160000000000000000000000000000000000000000005994d7ff000000000000f8fffff8005900f8a200001600f5f5c0e6e669000000002394e6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50000000000000000000000000016c0ffffffd7b2f8f8f8f8a2c0f5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4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3949390000000000000000000000000016946939000000000059c0ffffff9400a2a200fff8001649000049ffffc000000000000023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234969f8f8b2c0c0c0c0c0c0a2f8f8784916000000000016000000000000f8fffff800f50049d700490059f5390000a2fff5</w:t>
      </w:r>
      <w:r w:rsidRPr="00E163DE">
        <w:rPr>
          <w:rFonts w:ascii="Courier New" w:hAnsi="Courier New" w:cs="Courier New"/>
          <w:lang w:val="pt-BR"/>
        </w:rPr>
        <w:t>a239000000002369f839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4923000000000000000000c0ffffffffffffffffffffffffffffffffffffffffffffffffffffffffffffffffffffff490023494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49160000000000000000000000000000000000000000000000004994e6ffa223e6fff800ffc000fff8000094390023ffffc0</w:t>
      </w:r>
      <w:r w:rsidRPr="00E163DE">
        <w:rPr>
          <w:rFonts w:ascii="Courier New" w:hAnsi="Courier New" w:cs="Courier New"/>
          <w:lang w:val="pt-BR"/>
        </w:rPr>
        <w:t>00000000000000002369b2f5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5c094230000000000000000f8ffff7800f80049ff006900b2940069f8f8ffb2f5ffe6f823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16494949490000c0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4900f8ffffffffff4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164978b2f5fff5e6ff2300fffff800ffc000fff80000c0a259f8ffffc00000000000000000f8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c00000000000000000f8fffff8492349d7ff390000f54900fffff5ff4916c0</w:t>
      </w:r>
      <w:r w:rsidRPr="00E163DE">
        <w:rPr>
          <w:rFonts w:ascii="Courier New" w:hAnsi="Courier New" w:cs="Courier New"/>
          <w:lang w:val="pt-BR"/>
        </w:rPr>
        <w:t>ffffffd7a2f84916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c0ffffffffff0000c0ffffffffffffffffffffffffffffffffffffffffffffffffffffffffffffffffffffff4900f8ffffffffffc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78f8f8f8c0c0f5fffffffff81600f8ff4900fffff800ffb200d7782378f5ffffffffffc00000</w:t>
      </w:r>
      <w:r w:rsidRPr="00E163DE">
        <w:rPr>
          <w:rFonts w:ascii="Courier New" w:hAnsi="Courier New" w:cs="Courier New"/>
          <w:lang w:val="pt-BR"/>
        </w:rPr>
        <w:t>000000000000f8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c00000000000000000f8ffffffffffffffff490039ff6923fffffffff800c0ffffd7a2e6fffffff5c0b2f8f8f849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49ffffffffffff0000c0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4900f8ffffffffffff39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39d7ffffffffffffd7f8a2ff780069a2d7ff5949ffff7800fff800d7d7ffffb2694949491600000000000000000094fffffffffffffffffffffffff5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c00000000000000000000000004959a2f5fff5a2f8fff800f5fffffff800e6ffb2</w:t>
      </w:r>
      <w:r w:rsidRPr="00E163DE">
        <w:rPr>
          <w:rFonts w:ascii="Courier New" w:hAnsi="Courier New" w:cs="Courier New"/>
          <w:lang w:val="pt-BR"/>
        </w:rPr>
        <w:t>000000d7ffe6d7ffffffffffff690000000000000000d7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0000c0ffffffffffffffffffffffffffffffffffffffffffffffffffffffffffffffffffffff4900f8fffffffffffff800000000000000d7e6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59d7ffc000f8ff2323fffffffff816ffd74900e6c0e6f5a259160000000000000000000000</w:t>
      </w:r>
      <w:r w:rsidRPr="00E163DE">
        <w:rPr>
          <w:rFonts w:ascii="Courier New" w:hAnsi="Courier New" w:cs="Courier New"/>
          <w:lang w:val="pt-BR"/>
        </w:rPr>
        <w:t>00000016e6fffffffffffffffffff5f82316f8f5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390000000000000000000000000000005994e6ffffe60069f5f5fff800fffff800e65923ffa200b2ffff4900c0ff5900000000000016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0000c0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4900f8ffffffffffffc000000000000049ffff3900781616f5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00f8f50049fffffffff800a2492369f5f5f8160000000049784900000000000000000039d7fffffffffffffffff5f8160000000016f8f5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569000000000000000000237849000000000069e6ffa2000094a2f800fffff800ff</w:t>
      </w:r>
      <w:r w:rsidRPr="00E163DE">
        <w:rPr>
          <w:rFonts w:ascii="Courier New" w:hAnsi="Courier New" w:cs="Courier New"/>
          <w:lang w:val="pt-BR"/>
        </w:rPr>
        <w:t>f800ffc000b249a2f800c0ffb200000000000059ffffffffffffff0000c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4900f8fffffffffffff5000000000000f8ffff7800ff7800a2ff00f8d7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59fffff5ff780000f8e6f5f81600000059a2f5ffff940000000000000016f8</w:t>
      </w:r>
      <w:r w:rsidRPr="00E163DE">
        <w:rPr>
          <w:rFonts w:ascii="Courier New" w:hAnsi="Courier New" w:cs="Courier New"/>
          <w:lang w:val="pt-BR"/>
        </w:rPr>
        <w:t>ffffffffffffffffff9416000000000000000016f8ffffffffffffffffffb23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69ffffffc0691600000069d7e6f894003900fffff800fff800ffc000780039f800c0ffff000000000000f8ffffffffffffff0000c0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4900f8ffffffffffffff000000000000f8fffff800ffc00059ff00f8ff2323f5d7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69000069e6f5f81600000069e6fffffffffff5694916003949a2f5ffffffffffffffffe64900000000000000000000000039d7ffffffffffffffffffc0f84923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234978e6fffffffffff5942300000049c0f59423007894f800ff9400</w:t>
      </w:r>
      <w:r w:rsidRPr="00E163DE">
        <w:rPr>
          <w:rFonts w:ascii="Courier New" w:hAnsi="Courier New" w:cs="Courier New"/>
          <w:lang w:val="pt-BR"/>
        </w:rPr>
        <w:t>ffe600490000f800c0ffff000000000000f8ffffffffffffff0000c0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4900f8ffffffffffffff000000000000c0fffff800ffc00069ff00f8fff8002300a278e6e6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81600000069e6ffffffffffffffffffffffffffffffffffffff</w:t>
      </w:r>
      <w:r w:rsidRPr="00E163DE">
        <w:rPr>
          <w:rFonts w:ascii="Courier New" w:hAnsi="Courier New" w:cs="Courier New"/>
          <w:lang w:val="pt-BR"/>
        </w:rPr>
        <w:t>ffffffffb216000000000000000000000000000000f8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a22300000049c0ffa249597800ffc000ffc0000023002300c0ffff000000000000f8ffffffffffffff0000e6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49</w:t>
      </w:r>
      <w:r w:rsidRPr="00E163DE">
        <w:rPr>
          <w:rFonts w:ascii="Courier New" w:hAnsi="Courier New" w:cs="Courier New"/>
          <w:lang w:val="pt-BR"/>
        </w:rPr>
        <w:t>00f8ffffffffffffc0000000000000c0ffff7800ff780094c000f8ffff945969e6c059000000006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e6fffffffffffffffffffffffffffffffffffffffffffffff55900000000000000000000000000000016000039f5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a22300000049c0ffffa239d7a200f5c0</w:t>
      </w:r>
      <w:r w:rsidRPr="00E163DE">
        <w:rPr>
          <w:rFonts w:ascii="Courier New" w:hAnsi="Courier New" w:cs="Courier New"/>
          <w:lang w:val="pt-BR"/>
        </w:rPr>
        <w:t>000078230000c0ffff00000000000059ffffffffffffff0000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04ffffffffffffffffffffff4900f8ffffffffffffa2000000000000f8ffff4900490039f5b20069fffffff5a2230000001678e6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5</w:t>
      </w:r>
      <w:r w:rsidRPr="00E163DE">
        <w:rPr>
          <w:rFonts w:ascii="Courier New" w:hAnsi="Courier New" w:cs="Courier New"/>
          <w:lang w:val="pt-BR"/>
        </w:rPr>
        <w:t>3900000094490000000000000000000000d739000016d7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b2490000002378e6ffffb269c0a20000b2780000c0ffff00000000000000ffffffffffffff0000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490023</w:t>
      </w:r>
      <w:r w:rsidRPr="00E163DE">
        <w:rPr>
          <w:rFonts w:ascii="Courier New" w:hAnsi="Courier New" w:cs="Courier New"/>
          <w:lang w:val="pt-BR"/>
        </w:rPr>
        <w:t>49494949f8943900000000000078ffff78f8f8a2f5ffe6fff5b278490000000039a2ffffffffffffffa2b2ffffd7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e6ffffffffffffffffffffffffffe639000023d7ff490000000000000000000000fff578000016d7ffffffffffffffffffffffffffffc0ffffc0f8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c0490000000039f8c0ffffffd7c0</w:t>
      </w:r>
      <w:r w:rsidRPr="00E163DE">
        <w:rPr>
          <w:rFonts w:ascii="Courier New" w:hAnsi="Courier New" w:cs="Courier New"/>
          <w:lang w:val="pt-BR"/>
        </w:rPr>
        <w:t>f5d7f8f8e6ffd700000000000000697849494900000000ffffffffffffffffffffffffffffffffffffffffffffffff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4900000000000000000000000000000039c0d7ffffffd7c0b2783900000000000069c0fffffffffff8a2fffff80059ffc016d7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d716000049</w:t>
      </w:r>
      <w:r w:rsidRPr="00E163DE">
        <w:rPr>
          <w:rFonts w:ascii="Courier New" w:hAnsi="Courier New" w:cs="Courier New"/>
          <w:lang w:val="pt-BR"/>
        </w:rPr>
        <w:t>f5ffff490000000000000000000000ffffffa2000000a2ffffffffffffffffffffffe623f8ff940049ffffa259f5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e6f82300000000003978f8b2c0d7ffd7c0c09400000000000000000000000000000000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a2f8f8b2a2</w:t>
      </w:r>
      <w:r w:rsidRPr="00E163DE">
        <w:rPr>
          <w:rFonts w:ascii="Courier New" w:hAnsi="Courier New" w:cs="Courier New"/>
          <w:lang w:val="pt-BR"/>
        </w:rPr>
        <w:t>f878230000000000000000000000000000000000000000003978b2fffffffffffffffff80039fff80000d7c00016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d7160000f8ffffffff490000000000000000000000ffffffffa2000000a2ffffffffffffffffffff4900f8f5000049ff690039ffffffffffffffffd7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8390000000000000000</w:t>
      </w:r>
      <w:r w:rsidRPr="00E163DE">
        <w:rPr>
          <w:rFonts w:ascii="Courier New" w:hAnsi="Courier New" w:cs="Courier New"/>
          <w:lang w:val="pt-BR"/>
        </w:rPr>
        <w:t>0000000000000000000000000016f8f8a2c0a2f8f8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6900000000000000000000000000000000004978b2f5ffffffffffffffffffffff7800007839000069390000c0fffffffffffffffff5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16000069ffffffff</w:t>
      </w:r>
      <w:r w:rsidRPr="00E163DE">
        <w:rPr>
          <w:rFonts w:ascii="Courier New" w:hAnsi="Courier New" w:cs="Courier New"/>
          <w:lang w:val="pt-BR"/>
        </w:rPr>
        <w:t>ff490000000000000000000000ffffffffffd7160000d7ffffffffffffffffd7000023a200002394000039fffffffffffffffffffffff5b2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869491600000000000000000000000000000049e6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</w:t>
      </w:r>
      <w:r w:rsidRPr="00E163DE">
        <w:rPr>
          <w:rFonts w:ascii="Courier New" w:hAnsi="Courier New" w:cs="Courier New"/>
          <w:lang w:val="pt-BR"/>
        </w:rPr>
        <w:t>fff569000000000000000069c0c0c0d7ffffffffffffffffffffffffffffffe669000000000000000000000059fffffffffffffff539000069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490000000000000000000000ffffffffffffb2000016d7ffffffffffffff94000000000000000000000049e6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</w:t>
      </w:r>
      <w:r w:rsidRPr="00E163DE">
        <w:rPr>
          <w:rFonts w:ascii="Courier New" w:hAnsi="Courier New" w:cs="Courier New"/>
          <w:lang w:val="pt-BR"/>
        </w:rPr>
        <w:t>d7160000000000000023c0ffffffffffffffffffffffffffffffffffffffffffffffffffffffffffffffff00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690000000000000000a2fffffffffffffffffffffffffffffffffff53900000000000000000000000000d7ffffffffffff59000069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49</w:t>
      </w:r>
      <w:r w:rsidRPr="00E163DE">
        <w:rPr>
          <w:rFonts w:ascii="Courier New" w:hAnsi="Courier New" w:cs="Courier New"/>
          <w:lang w:val="pt-BR"/>
        </w:rPr>
        <w:t>0000000000000000000000fffffffffffffff8000039f5ffffffffffff1600000000000000000000000016d7ffffffffffffffffffffffffffffffffffd7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160000000000000016f5fffffffffffffffffffffffffffffffffffffffffffffffffffffffffffffffffffd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490000000000000000f8ffffffffffffffffffffffffffffffff590000000000000000000000000000c0ffffffffff78000059ffffffffffffffff49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ffffffffffffffff69000039ffffffffffff000000000000000000000000000023f5ffffffffffffffffffffffffffffffb216000000</w:t>
      </w:r>
      <w:r w:rsidRPr="00E163DE">
        <w:rPr>
          <w:rFonts w:ascii="Courier New" w:hAnsi="Courier New" w:cs="Courier New"/>
          <w:lang w:val="pt-BR"/>
        </w:rPr>
        <w:t>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d7ffffffffffffffffffffffffffffffffffffffffffffffffffffffffffffffffffffffffffffffffffffffffffffffffffffffffffffffffffe6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39e6fffffffffffffffffffffffff569000000000000000000000000000016ffffffffffc0000039f5ffffffffffffffff49000000</w:t>
      </w:r>
      <w:r w:rsidRPr="00E163DE">
        <w:rPr>
          <w:rFonts w:ascii="Courier New" w:hAnsi="Courier New" w:cs="Courier New"/>
          <w:lang w:val="pt-BR"/>
        </w:rPr>
        <w:t>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fffffffffffffffff5390000f8ffffffffff49000000000000000000000000000023d7ffffffffffffffffffffffffff780000000000000000005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9ffffffffffffffffffffffffffffffffffffffffffffff</w:t>
      </w:r>
      <w:r w:rsidRPr="00E163DE">
        <w:rPr>
          <w:rFonts w:ascii="Courier New" w:hAnsi="Courier New" w:cs="Courier New"/>
          <w:lang w:val="pt-BR"/>
        </w:rPr>
        <w:t>69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16c0fffffffffffffffff5f8781600000000000000000000000000000094fffffffff5230000d7ffffffffffffffffff49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fffffffffffffffffff5160016e6ffffffffe60000000000000000000000000000000049f8c0fffffffffffffffff5390000000000000000</w:t>
      </w:r>
      <w:r w:rsidRPr="00E163DE">
        <w:rPr>
          <w:rFonts w:ascii="Courier New" w:hAnsi="Courier New" w:cs="Courier New"/>
          <w:lang w:val="pt-BR"/>
        </w:rPr>
        <w:t>0000c0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00ffffffffffffffffffffffffffffffffffffffffffffffa2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a2fffffffffffffff52300000000000000000000000000000049b2fffffffffff80000f8ffffffffffffffffffff490000000000</w:t>
      </w:r>
      <w:r w:rsidRPr="00E163DE">
        <w:rPr>
          <w:rFonts w:ascii="Courier New" w:hAnsi="Courier New" w:cs="Courier New"/>
          <w:lang w:val="pt-BR"/>
        </w:rPr>
        <w:t>000000000000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d7000049ffffffffffd74900000000000000000000000000000000d7fffffffffffffff5390000000000000000000039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d700</w:t>
      </w:r>
      <w:r w:rsidRPr="00E163DE">
        <w:rPr>
          <w:rFonts w:ascii="Courier New" w:hAnsi="Courier New" w:cs="Courier New"/>
          <w:lang w:val="pt-BR"/>
        </w:rPr>
        <w:t>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d7ffffffffffffffc0000000000000000000003969f8b2f5ffffffffffffd7000039ffffffffffffffffffffff490000000000000000000000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8000094ffffffffffffffc094693900000000000000000000f8fffffffffffffff5160000000000000000000000f8</w:t>
      </w:r>
      <w:r w:rsidRPr="00E163DE">
        <w:rPr>
          <w:rFonts w:ascii="Courier New" w:hAnsi="Courier New" w:cs="Courier New"/>
          <w:lang w:val="pt-BR"/>
        </w:rPr>
        <w:t>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dffffffffffffffffffffffffffffffffffffffffffffffff00000000000000000000000049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590000000000000069e6ffffffffffffffffffffff490000d7ffffffffffffffffffffff4900000000000000</w:t>
      </w:r>
      <w:r w:rsidRPr="00E163DE">
        <w:rPr>
          <w:rFonts w:ascii="Courier New" w:hAnsi="Courier New" w:cs="Courier New"/>
          <w:lang w:val="pt-BR"/>
        </w:rPr>
        <w:t>00000000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230016f5fffffffffffffffffffff5f80000000000000023ffffffffffffffff6900000000000000000000000094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affffffffffffffffffffffffffffffffffffffffffffffff390000</w:t>
      </w:r>
      <w:r w:rsidRPr="00E163DE">
        <w:rPr>
          <w:rFonts w:ascii="Courier New" w:hAnsi="Courier New" w:cs="Courier New"/>
          <w:lang w:val="pt-BR"/>
        </w:rPr>
        <w:t>00000000000000000000b2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d700000000000059ffffffffffffffffffffffffc00000f8ffffffffffffffffffffffff490000000000000000000000ffffffffffffffffffffffffb2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8ffffffffffffffffffffffffa2000000000000a2fffffffffffffff500000000000000000000000000c0ffff</w:t>
      </w:r>
      <w:r w:rsidRPr="00E163DE">
        <w:rPr>
          <w:rFonts w:ascii="Courier New" w:hAnsi="Courier New" w:cs="Courier New"/>
          <w:lang w:val="pt-BR"/>
        </w:rPr>
        <w:t>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4900000000000000000000000069ffffffffffffffff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f5ffffffffffffffffffffffff490016f5ffffffffffffffffffffffff49000000000000000000</w:t>
      </w:r>
      <w:r w:rsidRPr="00E163DE">
        <w:rPr>
          <w:rFonts w:ascii="Courier New" w:hAnsi="Courier New" w:cs="Courier New"/>
          <w:lang w:val="pt-BR"/>
        </w:rPr>
        <w:t>0000ffffffffffffffffffffffffff490016f5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390000000000c0ffffffffffffffa200000000000000000000000000f5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4900000000</w:t>
      </w:r>
      <w:r w:rsidRPr="00E163DE">
        <w:rPr>
          <w:rFonts w:ascii="Courier New" w:hAnsi="Courier New" w:cs="Courier New"/>
          <w:lang w:val="pt-BR"/>
        </w:rPr>
        <w:t>000000000000000016ffffffffffffffff00000000004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c00000f8ffffffffffffffffffffffffff490000000000000000000000ffffffffffffffffffffffffffd70000f8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80000000000a2ffffffffffffff7800000000000000000000000000ffffffffff</w:t>
      </w:r>
      <w:r w:rsidRPr="00E163DE">
        <w:rPr>
          <w:rFonts w:ascii="Courier New" w:hAnsi="Courier New" w:cs="Courier New"/>
          <w:lang w:val="pt-BR"/>
        </w:rPr>
        <w:t>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b269496994f5ffff4900000000000000000000000000d7ffffffffffffc00000000000f8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490000e6ffffffffffffffffffffffffff490000000000000000000000</w:t>
      </w:r>
      <w:r w:rsidRPr="00E163DE">
        <w:rPr>
          <w:rFonts w:ascii="Courier New" w:hAnsi="Courier New" w:cs="Courier New"/>
          <w:lang w:val="pt-BR"/>
        </w:rPr>
        <w:t>ffffffffffffffffffffffffffff230016f5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c0000000000059ffffffffffffff4900000000000000000000000000c0ffffc0f8f8f8f8e6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6900000000001694ff49000000000000</w:t>
      </w:r>
      <w:r w:rsidRPr="00E163DE">
        <w:rPr>
          <w:rFonts w:ascii="Courier New" w:hAnsi="Courier New" w:cs="Courier New"/>
          <w:lang w:val="pt-BR"/>
        </w:rPr>
        <w:t>00000000000000c0ffffffffffff23000000000049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d7000069ffffffffffffffffffffffffffff490000000000000000000000ffffffffffffffffffffffffffff94000094ffffffffffffffffffffffc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d7ffffffffffff4900000000000000000000000000c0d74900000000</w:t>
      </w:r>
      <w:r w:rsidRPr="00E163DE">
        <w:rPr>
          <w:rFonts w:ascii="Courier New" w:hAnsi="Courier New" w:cs="Courier New"/>
          <w:lang w:val="pt-BR"/>
        </w:rPr>
        <w:t>0016d7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a20000000000000000691600000000000000000000000000c0ffffffffc04900000000000049fffffffffffffffffffffff8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d7ffffffffffffffffffffffffffff490000000000000000000000ffff</w:t>
      </w:r>
      <w:r w:rsidRPr="00E163DE">
        <w:rPr>
          <w:rFonts w:ascii="Courier New" w:hAnsi="Courier New" w:cs="Courier New"/>
          <w:lang w:val="pt-BR"/>
        </w:rPr>
        <w:t>fffffffffffffffffffffffff5000049ffffffffffffffffffffffa2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16a2ffffffffff490000000000000000000000000094160000000000000023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49000000000000000000000000000000000000</w:t>
      </w:r>
      <w:r w:rsidRPr="00E163DE">
        <w:rPr>
          <w:rFonts w:ascii="Courier New" w:hAnsi="Courier New" w:cs="Courier New"/>
          <w:lang w:val="pt-BR"/>
        </w:rPr>
        <w:t>0000000000d7ffa20000000000000000000039ffffffffffffffffffffff390000494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49494949494949494949494949160000000000000000000000494949494949494949494949494949160000f5ffffffffffffffffffff69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59ffff4900000000000000000000000000000000000000000000</w:t>
      </w:r>
      <w:r w:rsidRPr="00E163DE">
        <w:rPr>
          <w:rFonts w:ascii="Courier New" w:hAnsi="Courier New" w:cs="Courier New"/>
          <w:lang w:val="pt-BR"/>
        </w:rPr>
        <w:t>00c0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1600000023f8590000000000000000000000000000000000ffff490000000000000000000000a2ffffffffffffffffffe6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00000000000000</w:t>
      </w:r>
      <w:r w:rsidRPr="00E163DE">
        <w:rPr>
          <w:rFonts w:ascii="Courier New" w:hAnsi="Courier New" w:cs="Courier New"/>
          <w:lang w:val="pt-BR"/>
        </w:rPr>
        <w:t>0000000000000000000000000000a2ffffffffffffffffffe6000000000000000000000000e6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59000000000000000000000000000000002378690000000094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00000000d7ffffe639000000000000000000000000</w:t>
      </w:r>
      <w:r w:rsidRPr="00E163DE">
        <w:rPr>
          <w:rFonts w:ascii="Courier New" w:hAnsi="Courier New" w:cs="Courier New"/>
          <w:lang w:val="pt-BR"/>
        </w:rPr>
        <w:t>000049ffc000000000000000000000000016d7ffffffffffffffff94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000000000000000000000000000000000059ffffffffffffffffe639000000000000000000000000f8fff8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69ffffff5900000094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49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e6fffffff52300000000000000000000000000a2f539000000000000000000000000000069e6ffffffffffff49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00</w:t>
      </w:r>
      <w:r w:rsidRPr="00E163DE">
        <w:rPr>
          <w:rFonts w:ascii="Courier New" w:hAnsi="Courier New" w:cs="Courier New"/>
          <w:lang w:val="pt-BR"/>
        </w:rPr>
        <w:t>00000000000000000000000000fffffffffffff5f8160000000000000000000000000000a2e6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f8ffffffff49000000d7ffffffffffffffffffffffffffffffffffffffffffffffffffffffffffffffffffffffffffffffffff7800000094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a200000000000000000000000023</w:t>
      </w:r>
      <w:r w:rsidRPr="00E163DE">
        <w:rPr>
          <w:rFonts w:ascii="Courier New" w:hAnsi="Courier New" w:cs="Courier New"/>
          <w:lang w:val="pt-BR"/>
        </w:rPr>
        <w:t>c0390000000000000000000000000000000059ffffffffffff000000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00000000000000000000c0ffffffffff940000000000000000000000000000000000f849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16f5ffffffff39000016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d700000059fffffffff5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000000000000000000000000a2fffffffffffff500000000000000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</w:t>
      </w:r>
      <w:r w:rsidRPr="00E163DE">
        <w:rPr>
          <w:rFonts w:ascii="Courier New" w:hAnsi="Courier New" w:cs="Courier New"/>
          <w:lang w:val="pt-BR"/>
        </w:rPr>
        <w:t>0000000000000000000000b2ffffffffffffd7000000000000000000000000000000000000000000000000000000000000a2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e600000059ffffffffffffffffffffffffffffffffffffffffffffffffffffffffffffffffffffffffffffffffffffff39000000f5ffffffff49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</w:t>
      </w:r>
      <w:r w:rsidRPr="00E163DE">
        <w:rPr>
          <w:rFonts w:ascii="Courier New" w:hAnsi="Courier New" w:cs="Courier New"/>
          <w:lang w:val="pt-BR"/>
        </w:rPr>
        <w:t>000000000000000000000000000049ffffffffffffffc00000000000000000000000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0000f8ffffffffffffff690000000000000000000000000000000000000000000000000000000000c0ffffffff78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c0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a2000000f8ffffffff78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000000b2ffffffffffffff94000000000000000000000000000000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</w:t>
      </w:r>
      <w:r w:rsidRPr="00E163DE">
        <w:rPr>
          <w:rFonts w:ascii="Courier New" w:hAnsi="Courier New" w:cs="Courier New"/>
          <w:lang w:val="pt-BR"/>
        </w:rPr>
        <w:t>00000000000000000059ffffffffffffffe60000000000000000000000000000000000000000000000000000000000fffffffff516000049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23000016ffffffff94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</w:t>
      </w:r>
      <w:r w:rsidRPr="00E163DE">
        <w:rPr>
          <w:rFonts w:ascii="Courier New" w:hAnsi="Courier New" w:cs="Courier New"/>
          <w:lang w:val="pt-BR"/>
        </w:rPr>
        <w:t>000000000000000000000023fffffffffffffffff800000000000000000000000000000000000000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49ffffffffffffffff6900000000000000000000000000000000000000000000000000000023fffffffff8000000b2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94000000a2ffffffc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f8ffffffffffffffffd7c0c0c0c0c0c0c0c0c0c0c0c0c0c0c0c0c0c0c0390000000000000000000000c0c0c0c0c0c0c0c0c0c0c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c0</w:t>
      </w:r>
      <w:r w:rsidRPr="00E163DE">
        <w:rPr>
          <w:rFonts w:ascii="Courier New" w:hAnsi="Courier New" w:cs="Courier New"/>
          <w:lang w:val="pt-BR"/>
        </w:rPr>
        <w:t>c0c0c0c0c0c0c0c0ffffffffffffffffd700000000000000000000000000000000000000000000000000000049fffffff516000023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516000023fffffff5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59fffffffffffffffffffffffffffffffffffffffff8f8c0ffffffffffff490000000000000000000000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690000000000000000000000000000000000000000000000000000f8ffffffa2000000a2ffffffffffffffffffffffff</w:t>
      </w:r>
      <w:r w:rsidRPr="00E163DE">
        <w:rPr>
          <w:rFonts w:ascii="Courier New" w:hAnsi="Courier New" w:cs="Courier New"/>
          <w:lang w:val="pt-BR"/>
        </w:rPr>
        <w:t>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78000000e6ffffff490000000000000000000000000069e6ffe6a26939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69f5ffffffffffffffff784949a2f5ffffffffffffff0000c0ffffffffffff490000000000000000000000ffffffffffffffffffffffffffffff</w:t>
      </w:r>
      <w:r w:rsidRPr="00E163DE">
        <w:rPr>
          <w:rFonts w:ascii="Courier New" w:hAnsi="Courier New" w:cs="Courier New"/>
          <w:lang w:val="pt-BR"/>
        </w:rPr>
        <w:t>ffffb25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1659f5ffffffffffffffff94230000002369a2d7ffffb21600000000000000000000000000c0ffffff23000000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5c0c0c0c0c039000000a2ffffff9400000000000000000000000000ffffffffffffff</w:t>
      </w:r>
      <w:r w:rsidRPr="00E163DE">
        <w:rPr>
          <w:rFonts w:ascii="Courier New" w:hAnsi="Courier New" w:cs="Courier New"/>
          <w:lang w:val="pt-BR"/>
        </w:rPr>
        <w:t>ffd7c0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e60000002378ffffffffffffff1600c0ffffffffffff490000000000000000000000fffffffffffffffffffffffffffffffff82300000094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d7c0f5ffffffffffffff7800000000000000000000000049fffffff50000000094c0c0c0c0b2ffffffffffffffffff</w:t>
      </w:r>
      <w:r w:rsidRPr="00E163DE">
        <w:rPr>
          <w:rFonts w:ascii="Courier New" w:hAnsi="Courier New" w:cs="Courier New"/>
          <w:lang w:val="pt-BR"/>
        </w:rPr>
        <w:t>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5690000000000000000000059ffffffe600000000000000000000000000b2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a2000000e6ffffffffffe694c0390094a2a2ffffffff490000000000000000000000ffffffffffffffffffffffffffffffffff</w:t>
      </w:r>
      <w:r w:rsidRPr="00E163DE">
        <w:rPr>
          <w:rFonts w:ascii="Courier New" w:hAnsi="Courier New" w:cs="Courier New"/>
          <w:lang w:val="pt-BR"/>
        </w:rPr>
        <w:t>ff16000069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523000000000000000000000000a2ffffffc00000000000000000000016a2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539000000000000000000000049ffffd7fff800000000000000000000000023e6ffffffffffffff</w:t>
      </w:r>
      <w:r w:rsidRPr="00E163DE">
        <w:rPr>
          <w:rFonts w:ascii="Courier New" w:hAnsi="Courier New" w:cs="Courier New"/>
          <w:lang w:val="pt-BR"/>
        </w:rPr>
        <w:t>fffffffffffffffffffff516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49c0ffffffffffffc000000000000049ffffffff490000000000000000000000ffffffffffffffffffffffffffffffffffffd7780000c0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53900000000000000000000000023ffe6ffffc0000000000000000000000000a2ffffffffffffffff</w:t>
      </w:r>
      <w:r w:rsidRPr="00E163DE">
        <w:rPr>
          <w:rFonts w:ascii="Courier New" w:hAnsi="Courier New" w:cs="Courier New"/>
          <w:lang w:val="pt-BR"/>
        </w:rPr>
        <w:t>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800000000000000000000000049fffff8c0ff3900000000000000000000000016a2ffffffffffffffffffffffffffffc0ff590016f5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d759f8230078f894ffffffff490000000000000000000000fffffffffffffffffffffffffffffffff5ffff</w:t>
      </w:r>
      <w:r w:rsidRPr="00E163DE">
        <w:rPr>
          <w:rFonts w:ascii="Courier New" w:hAnsi="Courier New" w:cs="Courier New"/>
          <w:lang w:val="pt-BR"/>
        </w:rPr>
        <w:t>ff490023ffd7f5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c02300000000000000000000000000c0ff59ffffc000000000000000000000000023f5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50000000000000000000000000078ffffc023f5d7000000000000000000000000000023a2f5ffffffffff</w:t>
      </w:r>
      <w:r w:rsidRPr="00E163DE">
        <w:rPr>
          <w:rFonts w:ascii="Courier New" w:hAnsi="Courier New" w:cs="Courier New"/>
          <w:lang w:val="pt-BR"/>
        </w:rPr>
        <w:t>fffffffff54949c00000a2f5f8000039c0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1600c0ffffffffffff490000000000000000000000ffffffffffffffffffffffffffffd769160078f5d70000949439d7ffffffffffffffffffffc04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78fff859fffff50000000000000000000000000094ffffffffffffffffff</w:t>
      </w:r>
      <w:r w:rsidRPr="00E163DE">
        <w:rPr>
          <w:rFonts w:ascii="Courier New" w:hAnsi="Courier New" w:cs="Courier New"/>
          <w:lang w:val="pt-BR"/>
        </w:rPr>
        <w:t>ffffffffffffffffffffffffffffffffffffffb2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e6ffffff0078fff800000000000000000000000000000016f8f5ffffffffffffff780023690000d72300000016f8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94ffffffffffff490000000000000000000000ffffffffffffffffffffffffffff944900000023c0</w:t>
      </w:r>
      <w:r w:rsidRPr="00E163DE">
        <w:rPr>
          <w:rFonts w:ascii="Courier New" w:hAnsi="Courier New" w:cs="Courier New"/>
          <w:lang w:val="pt-BR"/>
        </w:rPr>
        <w:t>390039490059fffffffffffffff5a223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23f5d70094ffffff6900000000000000000000000039ffffffffffffffffffffffffffffffffffffffffffffffffffffffff78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f8ffffffff4900c0ff39000000000000000000000000000000000069e6ffffff</w:t>
      </w:r>
      <w:r w:rsidRPr="00E163DE">
        <w:rPr>
          <w:rFonts w:ascii="Courier New" w:hAnsi="Courier New" w:cs="Courier New"/>
          <w:lang w:val="pt-BR"/>
        </w:rPr>
        <w:t>ffffa200391600160000000000b2ffffffffffb2000069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490000000000000000000000ffffffffffffffffffffffffffffffd70000230000390000490069fffffffffff57816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c0f53900d7ffffffe616000000000000000000000000f5ffffffffffffffffffff</w:t>
      </w:r>
      <w:r w:rsidRPr="00E163DE">
        <w:rPr>
          <w:rFonts w:ascii="Courier New" w:hAnsi="Courier New" w:cs="Courier New"/>
          <w:lang w:val="pt-BR"/>
        </w:rPr>
        <w:t>ffffffffffffffffffffffffffffffffff23000016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39b2ffffffffff780023f5d71600000000000000000000000000000000000078f5fffffff500000000000049c0ffffffffffffffff69000016f5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490000000000000000000000fffffffffffffffffffffffffffffffffffff569000000</w:t>
      </w:r>
      <w:r w:rsidRPr="00E163DE">
        <w:rPr>
          <w:rFonts w:ascii="Courier New" w:hAnsi="Courier New" w:cs="Courier New"/>
          <w:lang w:val="pt-BR"/>
        </w:rPr>
        <w:t>001600b2fffffffff8160000000000000016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a2ff780000ffffffffffd7590000000000000000160000a2ffffffffffffffffffffffffffffffffffffffffffffffffffffe60023b249000049f8a2c0e6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8000078ffa2000000000000000000699400000000000000001694ffff</w:t>
      </w:r>
      <w:r w:rsidRPr="00E163DE">
        <w:rPr>
          <w:rFonts w:ascii="Courier New" w:hAnsi="Courier New" w:cs="Courier New"/>
          <w:lang w:val="pt-BR"/>
        </w:rPr>
        <w:t>ff590000000069ffffffffffffffffffff16000000b2ffffffffff49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ffffffffffffffffffffffffffffffffffffffd7940000000016ffffffb223000000000000000049d716000000000000000069ffc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fffffffffffffffff5c0b2f8390000c0f81669ffffffffffffffffffffffff</w:t>
      </w:r>
      <w:r w:rsidRPr="00E163DE">
        <w:rPr>
          <w:rFonts w:ascii="Courier New" w:hAnsi="Courier New" w:cs="Courier New"/>
          <w:lang w:val="pt-BR"/>
        </w:rPr>
        <w:t>ffffffffffffffffffffffffffffa239f5ff4923c0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8000000a2fff800000000000000a2fff51600000000000000000049f5ff9400000000230039d7fffffffffffffff8000039f5ffffffffff49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ffffffffffffffffffffffffffffffffffe639002316000000</w:t>
      </w:r>
      <w:r w:rsidRPr="00E163DE">
        <w:rPr>
          <w:rFonts w:ascii="Courier New" w:hAnsi="Courier New" w:cs="Courier New"/>
          <w:lang w:val="pt-BR"/>
        </w:rPr>
        <w:t>69fff57800000000000000000000b2fff53900000000000049ffe616000000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9400c0ffd739ffffffffffffffffffffffffffffffffffffffffffffffffffffa2f5ffff49c0fffffffffffffffffffffffffff8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d7ff690000000000a2fff5ff780000000000000000000016b239</w:t>
      </w:r>
      <w:r w:rsidRPr="00E163DE">
        <w:rPr>
          <w:rFonts w:ascii="Courier New" w:hAnsi="Courier New" w:cs="Courier New"/>
          <w:lang w:val="pt-BR"/>
        </w:rPr>
        <w:t>0000000000000000a2ffffffffffffff4900e6ffffffffffff49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ffffffffffffffffffffffffffffffffb2000000000000000016a2390000000000000000000023ffe6fff5390000000039f5f53900000039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59c0ffffd7e6ffffffffffffffffffffffffff</w:t>
      </w:r>
      <w:r w:rsidRPr="00E163DE">
        <w:rPr>
          <w:rFonts w:ascii="Courier New" w:hAnsi="Courier New" w:cs="Courier New"/>
          <w:lang w:val="pt-BR"/>
        </w:rPr>
        <w:t>ffffffffffffffffffffffffffffffffb2fffffffffffffffffffffffff5b2690000000016d7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539000016a2ffd716f5e6000000000000000000000000000039c0c0694978c0d7ffffffffffffffc069ffffffffffffff490000000000000000000000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d7c0a249a2c0c069000000</w:t>
      </w:r>
      <w:r w:rsidRPr="00E163DE">
        <w:rPr>
          <w:rFonts w:ascii="Courier New" w:hAnsi="Courier New" w:cs="Courier New"/>
          <w:lang w:val="pt-BR"/>
        </w:rPr>
        <w:t>000000000000000000000094ff5969fff539000016e6ff59000000002394c0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5d7ffffffffffffffffffffffffffffffffffffffffffffffffffffffffffffffffffffffffffffffffffffe6a27839000000000000000039f5f51616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d7ffd71600a2ff5900000000000000000000000016d7</w:t>
      </w:r>
      <w:r w:rsidRPr="00E163DE">
        <w:rPr>
          <w:rFonts w:ascii="Courier New" w:hAnsi="Courier New" w:cs="Courier New"/>
          <w:lang w:val="pt-BR"/>
        </w:rPr>
        <w:t>ffffffffffffffffffffffffffffffffffffffffffffff490000000000000000000000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53900000000000000000000000016f5f5000069fff54916d7ff780000000000000000004978c0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c0590000000000000000000000000049ffd7d7ffb216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49ffb200000000000000000000000000d7ffb200000000000000000000000000000000000000000000000000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69fff51600000000</w:t>
      </w:r>
      <w:r w:rsidRPr="00E163DE">
        <w:rPr>
          <w:rFonts w:ascii="Courier New" w:hAnsi="Courier New" w:cs="Courier New"/>
          <w:lang w:val="pt-BR"/>
        </w:rPr>
        <w:t>000000000000000069ffa200000069ffffc0ffa2000000000000000000000000002378e6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a23900000000000000000000000000000000f8ffffd71600000000e6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1600000000000000000000000039ffff</w:t>
      </w:r>
      <w:r w:rsidRPr="00E163DE">
        <w:rPr>
          <w:rFonts w:ascii="Courier New" w:hAnsi="Courier New" w:cs="Courier New"/>
          <w:lang w:val="pt-BR"/>
        </w:rPr>
        <w:t>2300000000000000000000000000000000000000000000000000000000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e6ff6900000000000000000000000000b2ff3900000000f8ffffd7000000000000000000000000000000000039c0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</w:t>
      </w:r>
      <w:r w:rsidRPr="00E163DE">
        <w:rPr>
          <w:rFonts w:ascii="Courier New" w:hAnsi="Courier New" w:cs="Courier New"/>
          <w:lang w:val="pt-BR"/>
        </w:rPr>
        <w:t>ffffffffffffffffffffffffffffff942300000000000000000000000000000000000000d7f539000000000094ff69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1669d749000000a2ffa20000000000000000000000000000000000000000000000000000000000000000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69ffe600000000e6943900</w:t>
      </w:r>
      <w:r w:rsidRPr="00E163DE">
        <w:rPr>
          <w:rFonts w:ascii="Courier New" w:hAnsi="Courier New" w:cs="Courier New"/>
          <w:lang w:val="pt-BR"/>
        </w:rPr>
        <w:t>000000000000ffe6000000000000b2ff230000000000000000000000000000000000000059e6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e639000000000000000000000000000000000000000000496900000000000039fff80000000059b2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2300000049fff500</w:t>
      </w:r>
      <w:r w:rsidRPr="00E163DE">
        <w:rPr>
          <w:rFonts w:ascii="Courier New" w:hAnsi="Courier New" w:cs="Courier New"/>
          <w:lang w:val="pt-BR"/>
        </w:rPr>
        <w:t>000000000000000000000000000000000000000000000000000000000000000000000000000000000000000000000000000000b2ff78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ffffffe6782300000049ff9400000000000016f800000000000000000000000000000000000000000000f8f5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</w:t>
      </w:r>
      <w:r w:rsidRPr="00E163DE">
        <w:rPr>
          <w:rFonts w:ascii="Courier New" w:hAnsi="Courier New" w:cs="Courier New"/>
          <w:lang w:val="pt-BR"/>
        </w:rPr>
        <w:t>ffffffffffffffffffffa21600000000000000000000000000000000000000000000000000000000000000ffc0003994f5fffff5f5ff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e6ff3900000000000000000059f8f8f823000000000000000000000000000000000000000000002378a2a2f816000000000000000000ffff16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e6ffffff</w:t>
      </w:r>
      <w:r w:rsidRPr="00E163DE">
        <w:rPr>
          <w:rFonts w:ascii="Courier New" w:hAnsi="Courier New" w:cs="Courier New"/>
          <w:lang w:val="pt-BR"/>
        </w:rPr>
        <w:t>b2590078ff590000000000000000000000000000000000000000000000000000000000000039f5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a2000000000000000000000000000000000000000000000000000000000000000000c0f5e6ffffffb25900c0ff0000000000c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590000</w:t>
      </w:r>
      <w:r w:rsidRPr="00E163DE">
        <w:rPr>
          <w:rFonts w:ascii="Courier New" w:hAnsi="Courier New" w:cs="Courier New"/>
          <w:lang w:val="pt-BR"/>
        </w:rPr>
        <w:t>000000000059e6fffffffff5780000000000000000000000000000000000000000f8fffffffffff5690000000000000039ffe60000000000e6ff003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94e6fffff5e6ff16000000000000000000000000000000000000000000000000000000000000000039f5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</w:t>
      </w:r>
      <w:r w:rsidRPr="00E163DE">
        <w:rPr>
          <w:rFonts w:ascii="Courier New" w:hAnsi="Courier New" w:cs="Courier New"/>
          <w:lang w:val="pt-BR"/>
        </w:rPr>
        <w:t>ffffffffffff9400000000000000000000000000000000000000000000000000000000000000000000f8ffffe66916000000c0ff0000000000f8fff8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69ffffffffffffffffa200000000000000000000000000000000000094ffffffffffffffffa200000000000049ffc00000000000c0ff0000000059c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0000000000000000000000000000000000000000000000000000000000000000000039f5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b20000000000000000000000000000000000000000000000000000000000000000000000f8f578000000000000c0e60000000000f8fff80000000000</w:t>
      </w:r>
      <w:r w:rsidRPr="00E163DE">
        <w:rPr>
          <w:rFonts w:ascii="Courier New" w:hAnsi="Courier New" w:cs="Courier New"/>
          <w:lang w:val="pt-BR"/>
        </w:rPr>
        <w:t>23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490000000000000069a20000000000000023ffffffffffffffffffff49000000000059ffb20000000000c0ff00000000000039d7d7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0000000000000000000000000000000039f5ffffffffffffffffffffffffffffffffffffffffffffffffff</w:t>
      </w:r>
      <w:r w:rsidRPr="00E163DE">
        <w:rPr>
          <w:rFonts w:ascii="Courier New" w:hAnsi="Courier New" w:cs="Courier New"/>
          <w:lang w:val="pt-BR"/>
        </w:rPr>
        <w:t>ffe616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0000000000000000000000000000000000592300000000000000e6c00000000000f8ffa2000000000078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b200000000000069fffff800000000000094ffffffffffffffffffffa20000000000f8ffc00000000000c0ff160000000000000069</w:t>
      </w:r>
      <w:r w:rsidRPr="00E163DE">
        <w:rPr>
          <w:rFonts w:ascii="Courier New" w:hAnsi="Courier New" w:cs="Courier New"/>
          <w:lang w:val="pt-BR"/>
        </w:rPr>
        <w:t>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00000000000000000000000000f8ffffffffffffffffffffffffffffffffffffffffffffffffffff49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00000000000000000000000000000000000000000000ffc00000000000f8ffd7494949160016f5</w:t>
      </w:r>
      <w:r w:rsidRPr="00E163DE">
        <w:rPr>
          <w:rFonts w:ascii="Courier New" w:hAnsi="Courier New" w:cs="Courier New"/>
          <w:lang w:val="pt-BR"/>
        </w:rPr>
        <w:t>69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16f559000000000039ffffffff69000000000023ff4900000000000039f5230000494959c0ffc00000000000f8ff49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00000000000000000000e6ffffffffffffffffffffffffffffffffffff78ffffffffffc000</w:t>
      </w:r>
      <w:r w:rsidRPr="00E163DE">
        <w:rPr>
          <w:rFonts w:ascii="Courier New" w:hAnsi="Courier New" w:cs="Courier New"/>
          <w:lang w:val="pt-BR"/>
        </w:rPr>
        <w:t>0000000000165959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000000000000000000000000000000000039fff5c0d7ffffffffffffffffe616000069f516000000000094c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39f5ffffff49000000000000f8e6000000000000c0f8000000c0ffffffffffffffe6c0c0e6fff800000000000000000000</w:t>
      </w:r>
      <w:r w:rsidRPr="00E163DE">
        <w:rPr>
          <w:rFonts w:ascii="Courier New" w:hAnsi="Courier New" w:cs="Courier New"/>
          <w:lang w:val="pt-BR"/>
        </w:rPr>
        <w:t>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23f85900000000000069ffffffffffffffffffffffffffffffffffffffffffffffff490000000023a2f5f8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789416000000000000000000000000000000000059fffffff5c0ffffffffffffff5900000000c094</w:t>
      </w:r>
      <w:r w:rsidRPr="00E163DE">
        <w:rPr>
          <w:rFonts w:ascii="Courier New" w:hAnsi="Courier New" w:cs="Courier New"/>
          <w:lang w:val="pt-BR"/>
        </w:rPr>
        <w:t>0000000039ff23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59fffff80000000000000016f5780000000078e60000000023ffffffffffffd7c0ffffffffb200000000000000000000000000000000000078e616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23c0e6f81600000000c0ffffffffffffffffffffffffffffffffffffffffffffd700000016</w:t>
      </w:r>
      <w:r w:rsidRPr="00E163DE">
        <w:rPr>
          <w:rFonts w:ascii="Courier New" w:hAnsi="Courier New" w:cs="Courier New"/>
          <w:lang w:val="pt-BR"/>
        </w:rPr>
        <w:t>a2fff549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69ffffd7390000000000000000000000000000000049490000000000000000e6ffc0000000000023ff39000000c09400000000000000000094b2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69f516000016f5490000000000f8ffff23000000000000234939000000000000000000000000</w:t>
      </w:r>
      <w:r w:rsidRPr="00E163DE">
        <w:rPr>
          <w:rFonts w:ascii="Courier New" w:hAnsi="Courier New" w:cs="Courier New"/>
          <w:lang w:val="pt-BR"/>
        </w:rPr>
        <w:t>0000000016b2ffffd716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f8fff55900000049ffffffffffffffffffffffffffffffffffffffffffff94000039d7ffd716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39f5ffd7ffff7800000000000000000000000000000000000000000000000069ffff23000000000000f8d700</w:t>
      </w:r>
      <w:r w:rsidRPr="00E163DE">
        <w:rPr>
          <w:rFonts w:ascii="Courier New" w:hAnsi="Courier New" w:cs="Courier New"/>
          <w:lang w:val="pt-BR"/>
        </w:rPr>
        <w:t>0069f5160000000000000023f8f8a2f823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c0940000b2b200000000000016e6ffa200000000000000000000000000000000000000000000000049e6ffe6d7ffb2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69ffffa2160000f5ffffffffffffffffffffffffffffffffffffffffff390059f5ffd716</w:t>
      </w:r>
      <w:r w:rsidRPr="00E163DE">
        <w:rPr>
          <w:rFonts w:ascii="Courier New" w:hAnsi="Courier New" w:cs="Courier New"/>
          <w:lang w:val="pt-BR"/>
        </w:rPr>
        <w:t>000000000000000000000000000000000023f5ff6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59f5ffc01600000000000000000000000000000000000000000000c0fff80000000000000016e67816e669000000000000000049ffffffff59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49ff3949f5230000000000000069fff51600000000000000000000000000000000000000000000</w:t>
      </w:r>
      <w:r w:rsidRPr="00E163DE">
        <w:rPr>
          <w:rFonts w:ascii="Courier New" w:hAnsi="Courier New" w:cs="Courier New"/>
          <w:lang w:val="pt-BR"/>
        </w:rPr>
        <w:t>f8ffff941616d7ffa2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59f5ffe63900a2ffffffffffffffffffffffffffffffff78ffffffff0039fffff523000000000000000000000000000000000016d7fff800000023c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549000000000000000000000000000000000000000039fff516000000000000000049f594d7</w:t>
      </w:r>
      <w:r w:rsidRPr="00E163DE">
        <w:rPr>
          <w:rFonts w:ascii="Courier New" w:hAnsi="Courier New" w:cs="Courier New"/>
          <w:lang w:val="pt-BR"/>
        </w:rPr>
        <w:t>00000000000000000049fffffffff8000000000000000000a2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d7e6f8000000000000000000d7ff69000000000000000000000000000000000000000023d7fff55900000023f5ff78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59ffffd716f8fffffffffffffffffffffffffffffffffffffffff516e6fff53900000000</w:t>
      </w:r>
      <w:r w:rsidRPr="00E163DE">
        <w:rPr>
          <w:rFonts w:ascii="Courier New" w:hAnsi="Courier New" w:cs="Courier New"/>
          <w:lang w:val="pt-BR"/>
        </w:rPr>
        <w:t>0000000000000000000000000000d7ffa2000000000000f8ffff94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00c0fff8000000000049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49000000000049fff51600000000000000000000000000000000000069f5ffb216</w:t>
      </w:r>
      <w:r w:rsidRPr="00E163DE">
        <w:rPr>
          <w:rFonts w:ascii="Courier New" w:hAnsi="Courier New" w:cs="Courier New"/>
          <w:lang w:val="pt-BR"/>
        </w:rPr>
        <w:t>000000000039f5ff6900000000000000000000000000000000000078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c049ffffffffffffffffffffffffffffffffffffffffc0a2ffff49000000000000000000000000000000000000a2ffc0000000000000000049e6ffd739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59fff516000000000016494949494949494949</w:t>
      </w:r>
      <w:r w:rsidRPr="00E163DE">
        <w:rPr>
          <w:rFonts w:ascii="Courier New" w:hAnsi="Courier New" w:cs="Courier New"/>
          <w:lang w:val="pt-BR"/>
        </w:rPr>
        <w:t>494949494949494949494949494949494949494949494949494949494916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c0ff940000000000000000000000000000000016b2fff578000000000000000059ffff39000000000000000000000000000000000000a2ffff94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780000000000000000</w:t>
      </w:r>
      <w:r w:rsidRPr="00E163DE">
        <w:rPr>
          <w:rFonts w:ascii="Courier New" w:hAnsi="Courier New" w:cs="Courier New"/>
          <w:lang w:val="pt-BR"/>
        </w:rPr>
        <w:t>00000000000000000000f8ffd71600000049000000000016b2fff578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16e6ff9400000000000000000000000000000000000000000000000000000000000000000000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49ffff39000000000000000000000000000049e6ffd7230000000000</w:t>
      </w:r>
      <w:r w:rsidRPr="00E163DE">
        <w:rPr>
          <w:rFonts w:ascii="Courier New" w:hAnsi="Courier New" w:cs="Courier New"/>
          <w:lang w:val="pt-BR"/>
        </w:rPr>
        <w:t>591600000069fff539000000000000000000000000000000000016e6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e600000000000000160000000000000000000023f5ff7800000069ffb216000000000069f5ffc039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16d7ffa2000000000000000000000000000000000000</w:t>
      </w:r>
      <w:r w:rsidRPr="00E163DE">
        <w:rPr>
          <w:rFonts w:ascii="Courier New" w:hAnsi="Courier New" w:cs="Courier New"/>
          <w:lang w:val="pt-BR"/>
        </w:rPr>
        <w:t>0000000000000000000000000000000000000000000000000000000000000000000069fff5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390000000000000000000000001694fffff8000000000000f8ffd700000039ffff9400000000000000000000001600000000000049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00ffffffffff690000000000239439000000</w:t>
      </w:r>
      <w:r w:rsidRPr="00E163DE">
        <w:rPr>
          <w:rFonts w:ascii="Courier New" w:hAnsi="Courier New" w:cs="Courier New"/>
          <w:lang w:val="pt-BR"/>
        </w:rPr>
        <w:t>000000000000000039e6ffa21639fff5ffe639000000000023c0fffff816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16e6ffa200000000000000000000000000000000000000000059d7f8160000000000000000000000000000000000000000000000000069ffff39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49e6ffe639000000000016c0ffe6ff</w:t>
      </w:r>
      <w:r w:rsidRPr="00E163DE">
        <w:rPr>
          <w:rFonts w:ascii="Courier New" w:hAnsi="Courier New" w:cs="Courier New"/>
          <w:lang w:val="pt-BR"/>
        </w:rPr>
        <w:t>a20069f5ff69000000000000000000000000f8f8160000000000c0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e6000000000078f5390000000000000000000000000016d7ffd7f5ff4949e6ff7800000000000078f5ffe64900000000000000000000003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5ff78000000000000000000000000000000000000</w:t>
      </w:r>
      <w:r w:rsidRPr="00E163DE">
        <w:rPr>
          <w:rFonts w:ascii="Courier New" w:hAnsi="Courier New" w:cs="Courier New"/>
          <w:lang w:val="pt-BR"/>
        </w:rPr>
        <w:t>16b2ffffffe669000000000000000000000000000000000000000000000069ffff69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16a2ffff9416000000000039f5f55900c0ffe6fff5390000000000000000000000000000a2e6390000000023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6900000016a2ff6900000000000000</w:t>
      </w:r>
      <w:r w:rsidRPr="00E163DE">
        <w:rPr>
          <w:rFonts w:ascii="Courier New" w:hAnsi="Courier New" w:cs="Courier New"/>
          <w:lang w:val="pt-BR"/>
        </w:rPr>
        <w:t>000000000000000000a2ffffa2000059ffc00000000000000023c0ffffb2160000000000000000000039f5ff5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1678f5ffa21623b2ffd749000000000000000000000000000000000000000039f5ff69000000000000000000000069f5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e6490000000000000069ffb2000016f5ff</w:t>
      </w:r>
      <w:r w:rsidRPr="00E163DE">
        <w:rPr>
          <w:rFonts w:ascii="Courier New" w:hAnsi="Courier New" w:cs="Courier New"/>
          <w:lang w:val="pt-BR"/>
        </w:rPr>
        <w:t>e62300000000000000000000000000000000c0ff6900000000a2ffffffffffffffffffffffffffffffffffffffffc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39d7ff69000000000000000000000000000000000069fff5160016d7f52300000000000000000059f5fff5690000000000000000000059fff539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16f8f5ffc023</w:t>
      </w:r>
      <w:r w:rsidRPr="00E163DE">
        <w:rPr>
          <w:rFonts w:ascii="Courier New" w:hAnsi="Courier New" w:cs="Courier New"/>
          <w:lang w:val="pt-BR"/>
        </w:rPr>
        <w:t>0000000049c0ffc023000000000000000000000000000000000016e6ff690000000000000000000049c0fffff816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94ff78000078ffe6000000000000000000000000000000000016d7ffa200000059ffffffffffffffffffffffffffffffffffffffff69000023f5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a20000000000000000000000</w:t>
      </w:r>
      <w:r w:rsidRPr="00E163DE">
        <w:rPr>
          <w:rFonts w:ascii="Courier New" w:hAnsi="Courier New" w:cs="Courier New"/>
          <w:lang w:val="pt-BR"/>
        </w:rPr>
        <w:t>00000000000000e6ff59000094ffa2000000000016000000000016b2ffffc02300000000000000000078ffe6c0f8f8f8f8f8f8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8f8f8f894f5ffc049000000000000000069e6ffa2230000000000000000000016f8f8f8f8e6ff9400000000000000000023a2ffffd73900000000000023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39ffe6160000e6ff69</w:t>
      </w:r>
      <w:r w:rsidRPr="00E163DE">
        <w:rPr>
          <w:rFonts w:ascii="Courier New" w:hAnsi="Courier New" w:cs="Courier New"/>
          <w:lang w:val="pt-BR"/>
        </w:rPr>
        <w:t>000000000000000000000000000000000016e6ffa2000000f5ffffffffffffffffffffffffffffffffffffff230016d7ffc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69ffc000000016b2ff9416000094f57800000000000059f5ffffa2691600000000000000f8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e669000000000000</w:t>
      </w:r>
      <w:r w:rsidRPr="00E163DE">
        <w:rPr>
          <w:rFonts w:ascii="Courier New" w:hAnsi="Courier New" w:cs="Courier New"/>
          <w:lang w:val="pt-BR"/>
        </w:rPr>
        <w:t>00000000000069f5f5f8160000000000000016d7ffffffffffa200000000000000235994f5fff5f800000000000049e6f516000078ffd7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3900000059ffe600000000000000000000000000000000000049ffffa2000094ffffffffffffffffffffffffffffffffffffd70016d7ffff49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</w:t>
      </w:r>
      <w:r w:rsidRPr="00E163DE">
        <w:rPr>
          <w:rFonts w:ascii="Courier New" w:hAnsi="Courier New" w:cs="Courier New"/>
          <w:lang w:val="pt-BR"/>
        </w:rPr>
        <w:t>00000000e6f523000000000078f5e64969ffd7ffc039000000000049ffffffffffffd7c0c0b2f8692369ffffffffffffffffffffffa2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1600000000000000000016f8f5f5f8490000000049d7f5d7ffffffa22369f8b2c0c0e6ffffffffffff94000000000016a2ffd7ffd723c0fff8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c0ff6900</w:t>
      </w:r>
      <w:r w:rsidRPr="00E163DE">
        <w:rPr>
          <w:rFonts w:ascii="Courier New" w:hAnsi="Courier New" w:cs="Courier New"/>
          <w:lang w:val="pt-BR"/>
        </w:rPr>
        <w:t>0000000000000000000000000000000000b2ffff780059ffffffffffffffffffffffffffffffffffffa200b2ffffa2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69ff940000000000000023d7ffffd70049e6fff800000000a2ffffffffffffffffffffffffffe6ffffffffffffffffffffc000000000000078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</w:t>
      </w:r>
      <w:r w:rsidRPr="00E163DE">
        <w:rPr>
          <w:rFonts w:ascii="Courier New" w:hAnsi="Courier New" w:cs="Courier New"/>
          <w:lang w:val="pt-BR"/>
        </w:rPr>
        <w:t>000000000000001694fffff5c0c0d7ffd739b2fffffff5fffffffffffffffffffffffffff50000000059f5e6490078ffffe6490000000000000049ffe6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00000016f5ffff4949fffffffffffffffffffffffffffffffffffff849fffff516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</w:t>
      </w:r>
      <w:r w:rsidRPr="00E163DE">
        <w:rPr>
          <w:rFonts w:ascii="Courier New" w:hAnsi="Courier New" w:cs="Courier New"/>
          <w:lang w:val="pt-BR"/>
        </w:rPr>
        <w:t>00e6ff23000000000000000000f8f523000023ffc000000016f5fffffffffffffffffffffffffffffffffffffffffffffffff8000000000000e6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1678c0c0c0a2590016ffffffffffffffffffffffffffffffffffffff6900000069fff8000000a2b216000000000000000000a2ff69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78ffffd700ffffffffffffffffffffffffffffffffffff78e6ffff7800000000000000000000000000000000000069ffa2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0000d7ffc023000069ffffffffffffffffffffffffffffffffffffffffffffffffff69000000000039ff00000000000000</w:t>
      </w:r>
      <w:r w:rsidRPr="00E163DE">
        <w:rPr>
          <w:rFonts w:ascii="Courier New" w:hAnsi="Courier New" w:cs="Courier New"/>
          <w:lang w:val="pt-BR"/>
        </w:rPr>
        <w:t>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69ffffffffffffffffffffffffffffffffffffffd7000016f8ffff49000000000000000000000000000039ffb2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d7fffff8e6ffffffffffffffffffffffffffffffffffe6ffffd700000000000000000000000000000000000000d7ff39</w:t>
      </w:r>
      <w:r w:rsidRPr="00E163DE">
        <w:rPr>
          <w:rFonts w:ascii="Courier New" w:hAnsi="Courier New" w:cs="Courier New"/>
          <w:lang w:val="pt-BR"/>
        </w:rPr>
        <w:t>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49c0ffffa239d7ffffffffffffffffffffffffffffffffffffffffffffffffffb20000000000a2f5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e6ffffffffffffffffffffffffffffffffffffffff69f8f5ffc04900000000000000000000000000000000e6ff2300000000</w:t>
      </w:r>
      <w:r w:rsidRPr="00E163DE">
        <w:rPr>
          <w:rFonts w:ascii="Courier New" w:hAnsi="Courier New" w:cs="Courier New"/>
          <w:lang w:val="pt-BR"/>
        </w:rPr>
        <w:t>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49fffffff5ffffffffffffffffffffffffffffffffffffffff4900000000000049160000000000000000000023ffe6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49c0ffffffffffffffffffffffffffffffffffffffffffffffffffffffffff6900000016f5c0000000000000000000</w:t>
      </w:r>
      <w:r w:rsidRPr="00E163DE">
        <w:rPr>
          <w:rFonts w:ascii="Courier New" w:hAnsi="Courier New" w:cs="Courier New"/>
          <w:lang w:val="pt-BR"/>
        </w:rPr>
        <w:t>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69ffffffffffffffffffffffffffffffffffffffffffffffc04900000000000000000000000000000000000078fff800000000000000000000005939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b2ffffffffffffffffffffffffffffffffffffffffffffe6000000000000a249000000000000000000000094ff94000000</w:t>
      </w:r>
      <w:r w:rsidRPr="00E163DE">
        <w:rPr>
          <w:rFonts w:ascii="Courier New" w:hAnsi="Courier New" w:cs="Courier New"/>
          <w:lang w:val="pt-BR"/>
        </w:rPr>
        <w:t>0000000000000000003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49e6ffffffffffffffffffffffffffffffffffffffffffffffffffffffff940000f8ff940000000000000000000000000000000000000016f5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569000000000000000016000000000000000000000023ffe6390000000000</w:t>
      </w:r>
      <w:r w:rsidRPr="00E163DE">
        <w:rPr>
          <w:rFonts w:ascii="Courier New" w:hAnsi="Courier New" w:cs="Courier New"/>
          <w:lang w:val="pt-BR"/>
        </w:rPr>
        <w:t>000000000000b259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59ffffffffffffffffffffffffffffffffffffffffffff780000000016c0b20000000000000000000016a2ffff4900000000000000000000001649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16a2fffffffffffffffffffffffffffffffffffffffffffffffffffffff80016f5ff690000000000000000000000</w:t>
      </w:r>
      <w:r w:rsidRPr="00E163DE">
        <w:rPr>
          <w:rFonts w:ascii="Courier New" w:hAnsi="Courier New" w:cs="Courier New"/>
          <w:lang w:val="pt-BR"/>
        </w:rPr>
        <w:t>000000000000000069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a216000000000000000000f8000000000000000000000000e6fff5590000000000000000000023f5690000000000e6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2300000000a2f51600000000000000000023d7ffffff000000000000</w:t>
      </w:r>
      <w:r w:rsidRPr="00E163DE">
        <w:rPr>
          <w:rFonts w:ascii="Courier New" w:hAnsi="Courier New" w:cs="Courier New"/>
          <w:lang w:val="pt-BR"/>
        </w:rPr>
        <w:t>00000000000039f800000023f8c0c0a2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6916a2ffffffffffffffffffe6c0f8f8f8f8c0e6ffffffffffffffffe60000f8ffff3900000000000000000000000000000000000000d7ffffffc0947878f8f8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94d7ffffffffffffffffffd71659a2c0c0b26900000039f8000000000000000000000000a2ffffff940000000000</w:t>
      </w:r>
      <w:r w:rsidRPr="00E163DE">
        <w:rPr>
          <w:rFonts w:ascii="Courier New" w:hAnsi="Courier New" w:cs="Courier New"/>
          <w:lang w:val="pt-BR"/>
        </w:rPr>
        <w:t>000000000078ff590000000094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d700000000f8ff5900000000000000000059f5e6b2ffd700000000000000000000000000e600000016f5fffffffff578b2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782300000000000000000049a2f5ffffffd7590016f5fff50000000000000000000000000000</w:t>
      </w:r>
      <w:r w:rsidRPr="00E163DE">
        <w:rPr>
          <w:rFonts w:ascii="Courier New" w:hAnsi="Courier New" w:cs="Courier New"/>
          <w:lang w:val="pt-BR"/>
        </w:rPr>
        <w:t>000000000000fff569000000000000000000165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5ffffffffffe678f5ffffffffff78000000f8f800000000000000000000000078fff578ffc016000000000000000000c0f53900000049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9400000069ffb2000000000000000000f8ffa216a2ffa20000000000000000</w:t>
      </w:r>
      <w:r w:rsidRPr="00E163DE">
        <w:rPr>
          <w:rFonts w:ascii="Courier New" w:hAnsi="Courier New" w:cs="Courier New"/>
          <w:lang w:val="pt-BR"/>
        </w:rPr>
        <w:t>0000000000ff6900000069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5f8160000394923000000000000594900000000f8ffffa20000000000000000000000000000000000000000691600001649786939000000f8e6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b200000016f56900000000000000000000000049ffff2339e6f53900000000</w:t>
      </w:r>
      <w:r w:rsidRPr="00E163DE">
        <w:rPr>
          <w:rFonts w:ascii="Courier New" w:hAnsi="Courier New" w:cs="Courier New"/>
          <w:lang w:val="pt-BR"/>
        </w:rPr>
        <w:t>0000000023ffe616000000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59000023f5ff230000000000000016c0f5690000e6fff800000000000000000000000069ffe616000000a2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a2000049ffffffffb2690000000000001649f5ffff6900000000000000000000000000000000</w:t>
      </w:r>
      <w:r w:rsidRPr="00E163DE">
        <w:rPr>
          <w:rFonts w:ascii="Courier New" w:hAnsi="Courier New" w:cs="Courier New"/>
          <w:lang w:val="pt-BR"/>
        </w:rPr>
        <w:t>00000000000023a2ffffffffa2000094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d716000000f8ffa200000000000000000000000039ffff590016b2ff690000000000000000a2ffc0000000c0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160000b2ffa20000000000000016d7ff49000023fffff800000000000000000000</w:t>
      </w:r>
      <w:r w:rsidRPr="00E163DE">
        <w:rPr>
          <w:rFonts w:ascii="Courier New" w:hAnsi="Courier New" w:cs="Courier New"/>
          <w:lang w:val="pt-BR"/>
        </w:rPr>
        <w:t>0069ffe6ffa20000000078ffffffffffb2ffffffffffffffff94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d7ffffffffffe65939f8d7ffffffffffffffe6a27839000000000000000000000000000000000039f5ffffffffff230059ffffffffffffffffb2ffffffffffa2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1600000059ffe6ffc0160000000000000000000000ffff94000000c0ff6900000000</w:t>
      </w:r>
      <w:r w:rsidRPr="00E163DE">
        <w:rPr>
          <w:rFonts w:ascii="Courier New" w:hAnsi="Courier New" w:cs="Courier New"/>
          <w:lang w:val="pt-BR"/>
        </w:rPr>
        <w:t>00000023ffff490000f8ffffffffffffffffffffffffffffffffffffff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49ffff2300000000000016d7ff6900000069fffff80000000000000000000039ffff39c0ff780000000023a2f5d79449ffffffffffffffffe60000a2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c0c094f8f8f8b2c0f5ffffd769160000000000000000235900</w:t>
      </w:r>
      <w:r w:rsidRPr="00E163DE">
        <w:rPr>
          <w:rFonts w:ascii="Courier New" w:hAnsi="Courier New" w:cs="Courier New"/>
          <w:lang w:val="pt-BR"/>
        </w:rPr>
        <w:t>000039f5ffffffffffc00000b2fffffffffffffffff869c0c0a249000000003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5f516c0ff940000000000000000000000ffffc000000016d7ff6900000000000000a2ffd7000078ffffffffffffffffffffffffffffffffffffc00000d7ffc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16d7ffa20000000094ffff59000000000000000000000000</w:t>
      </w:r>
      <w:r w:rsidRPr="00E163DE">
        <w:rPr>
          <w:rFonts w:ascii="Courier New" w:hAnsi="Courier New" w:cs="Courier New"/>
          <w:lang w:val="pt-BR"/>
        </w:rPr>
        <w:t>230023f5ff94000000000000000059ffffffffffffffffff000069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b249000000000000000000002369a2e6f5f800000000000000f8f5160000c0ffffffffffff940000f5ffffffffffffffffa2000000000000000078f5f5390016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00ffffff0000000023f5ff6900000000</w:t>
      </w:r>
      <w:r w:rsidRPr="00E163DE">
        <w:rPr>
          <w:rFonts w:ascii="Courier New" w:hAnsi="Courier New" w:cs="Courier New"/>
          <w:lang w:val="pt-BR"/>
        </w:rPr>
        <w:t>000039ffff690049ffffffffffffffffffffffffffffffffffffc00069ffff69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b2ffd70000000000c0ffff7800000000000000000000000000000016c0ffd749000000000000e6ffffffffffffffffff3900f8ffffffffffff69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0039a2d7490000000000e6ff940059</w:t>
      </w:r>
      <w:r w:rsidRPr="00E163DE">
        <w:rPr>
          <w:rFonts w:ascii="Courier New" w:hAnsi="Courier New" w:cs="Courier New"/>
          <w:lang w:val="pt-BR"/>
        </w:rPr>
        <w:t>ffffffffffffffa20000fffffffffffffffffff539000000000039b2ffe639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ffffff490000000059ffff39000000000000e6ffe60049ffffffffffffffffffffffffffffffffffffb200d7fff5160000000000f8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c00000000000fffffff80000000000000049160000000000</w:t>
      </w:r>
      <w:r w:rsidRPr="00E163DE">
        <w:rPr>
          <w:rFonts w:ascii="Courier New" w:hAnsi="Courier New" w:cs="Courier New"/>
          <w:lang w:val="pt-BR"/>
        </w:rPr>
        <w:t>00000049c0ffe694594969d7fffffffffffffffffff50000a2fffffffffff8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000000694900000059fffff516a2ffffffffffffffd70000c0fffffffffffffffffff594f8f8f8d7ffe6690000000000000000234916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23ffffff6900000000f8fffff51600000000</w:t>
      </w:r>
      <w:r w:rsidRPr="00E163DE">
        <w:rPr>
          <w:rFonts w:ascii="Courier New" w:hAnsi="Courier New" w:cs="Courier New"/>
          <w:lang w:val="pt-BR"/>
        </w:rPr>
        <w:t>0078ffff5900ffffffffffffffffffffffffffffffffffffc023ffffa2000000000049ffffffff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23ffffffb200000000000023ffffffc0a2f8f8f8f8f8f8b2fffffffffffffffffffffffffffffffff80000d7ffffffffff23000000000000002359f8f8f878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490000000000000000000000b2fffffff8e6ffff</w:t>
      </w:r>
      <w:r w:rsidRPr="00E163DE">
        <w:rPr>
          <w:rFonts w:ascii="Courier New" w:hAnsi="Courier New" w:cs="Courier New"/>
          <w:lang w:val="pt-BR"/>
        </w:rPr>
        <w:t>ffffffffffff230039f5ffffffffffffffffffffffffffffffe6c0f8f8f8f8f8b2c0ffffffa2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49fffffff800000000f8ffffffc0000000000023ffffa249ffffffffffffffffffffffffffffffffffffc078ffff690000000016f5ffffffff0000000049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c0000000490000f8ffffffffffffffffff</w:t>
      </w:r>
      <w:r w:rsidRPr="00E163DE">
        <w:rPr>
          <w:rFonts w:ascii="Courier New" w:hAnsi="Courier New" w:cs="Courier New"/>
          <w:lang w:val="pt-BR"/>
        </w:rPr>
        <w:t>ffffffffffffffffffffffffffffffffffffa2000049ffffffffffff23000000001694e6ffffffffffffffffe6a2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5900000000000000d7ffffffffffffffffffffffffff94000069fffffffffffffffffffffffffffffffffffffffffffffffffffffff5000023390000f8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b200000000c0fffffffff80000000000</w:t>
      </w:r>
      <w:r w:rsidRPr="00E163DE">
        <w:rPr>
          <w:rFonts w:ascii="Courier New" w:hAnsi="Courier New" w:cs="Courier New"/>
          <w:lang w:val="pt-BR"/>
        </w:rPr>
        <w:t>d7fff549ffffffffffffffffffffffffffffffffffffc0d7ffff230000000094ffffffffff4900000078ffffffff16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e60000a2ffffffffffffffffffffffffffffffffffffffffffffffffffff78000000c0ffffffffffff6900000059e6fffffffffffffffffffffffffff5a25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f5ffffffffffffffffff</w:t>
      </w:r>
      <w:r w:rsidRPr="00E163DE">
        <w:rPr>
          <w:rFonts w:ascii="Courier New" w:hAnsi="Courier New" w:cs="Courier New"/>
          <w:lang w:val="pt-BR"/>
        </w:rPr>
        <w:t>ffffffffff49000069f5ffffffffffffffffffffffffffffffffffffffffffffffffffff000094780000c0ffffffd7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c0ffffffffff2300000000a2ffffa2fffffffffffffffffffffffffffffffffffff5ffffe60000000039ffffffffffff5900000094ffffffff690049ff59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c0ffffffffffffffffffffff</w:t>
      </w:r>
      <w:r w:rsidRPr="00E163DE">
        <w:rPr>
          <w:rFonts w:ascii="Courier New" w:hAnsi="Courier New" w:cs="Courier New"/>
          <w:lang w:val="pt-BR"/>
        </w:rPr>
        <w:t>ffffffffffffffffffffffffffff6900000069ffd794f8f8f8f894000069ffffc0fffff800000000164978b2e6ffffffe669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a2fffffffffffffffffffffffffffff516000039f5ffffffffffffffffffffffffffffffffffffffffffffffffff0000e6b20000ffffffffff00000000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c00000000069ff</w:t>
      </w:r>
      <w:r w:rsidRPr="00E163DE">
        <w:rPr>
          <w:rFonts w:ascii="Courier New" w:hAnsi="Courier New" w:cs="Courier New"/>
          <w:lang w:val="pt-BR"/>
        </w:rPr>
        <w:t>fff5ffffffffffffffffffffffffffffffffffffffffffb200000000c0fffffffffffff8000000c0ffffffffd700f8ffd700c0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569000000166916000000000000000000b2fff800f8fff51600000000000000001669d7ffffe67869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5f839000000</w:t>
      </w:r>
      <w:r w:rsidRPr="00E163DE">
        <w:rPr>
          <w:rFonts w:ascii="Courier New" w:hAnsi="Courier New" w:cs="Courier New"/>
          <w:lang w:val="pt-BR"/>
        </w:rPr>
        <w:t>002369c09400000016d7ffffffffffffffffffffffffffffffffffffffffffffffff00f8ffc00069ffffffffff00000039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5900000039fffffffffffffffffffffffffffffffffffffffffffffffff800000059ffffffffffffffc0000000c0ffffffffff23f8ffff78c0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</w:t>
      </w:r>
      <w:r w:rsidRPr="00E163DE">
        <w:rPr>
          <w:rFonts w:ascii="Courier New" w:hAnsi="Courier New" w:cs="Courier New"/>
          <w:lang w:val="pt-BR"/>
        </w:rPr>
        <w:t>fffffffffffffffffff53900000000000000003969f8f869490000a2e6000016f5fff8000000000000000000000039a2ffffffffffffffd723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1600000000230000000000a2ffffffffffffffffffffffffffffffffffffffffffffff39ffffc016f5ffffffffff49000069ffffffffffffffd7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ffffff</w:t>
      </w:r>
      <w:r w:rsidRPr="00E163DE">
        <w:rPr>
          <w:rFonts w:ascii="Courier New" w:hAnsi="Courier New" w:cs="Courier New"/>
          <w:lang w:val="pt-BR"/>
        </w:rPr>
        <w:t>fffffffffffffffffffffffffffffffffffffffffff8000000c0ffffffffffffffff000000c0ffffffffffc0f8fffff5e6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e669fffffffffffffff5390000000000001678e6fffffffffffff5a2b2c0000000f8fff5160000000000000000000000001694ffffffffb200002394f5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c0</w:t>
      </w:r>
      <w:r w:rsidRPr="00E163DE">
        <w:rPr>
          <w:rFonts w:ascii="Courier New" w:hAnsi="Courier New" w:cs="Courier New"/>
          <w:lang w:val="pt-BR"/>
        </w:rPr>
        <w:t>690000000000000000a2fffffffffffffff8f8ffffffffffffffffffffffffffd7ffffc0f8ffffffffffff490000a2ffffffffffffffff49000000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69000023ffffffffffffffffff390000c0ffffffffffffe6ffffffffffffffffffffffffffffff780000c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53900000000000016d7ffffffffffffffffffffffe600000016f5c059000000000000000000000000000049e6fff5160039f5ffffffffffffffd7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2300000000000000a2ffffffffffff230039e6fffffffffffffffffffffffffffffff5ffffffffffff490000d7ffffffffffffffffa2000000e6ffffffffff</w:t>
      </w:r>
      <w:r w:rsidRPr="00E163DE">
        <w:rPr>
          <w:rFonts w:ascii="Courier New" w:hAnsi="Courier New" w:cs="Courier New"/>
          <w:lang w:val="pt-BR"/>
        </w:rPr>
        <w:t>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00ffffffffff490000a2fffffffffffffffffff80000ffffffffffffffffffffffffffffffffffffffffffff6900000059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b22300000000000016e6ffffffffffffffffffffffffff780000000000000000000000000000000000000000001694590016f5fffffffffffffffffff5</w:t>
      </w:r>
      <w:r w:rsidRPr="00E163DE">
        <w:rPr>
          <w:rFonts w:ascii="Courier New" w:hAnsi="Courier New" w:cs="Courier New"/>
          <w:lang w:val="pt-BR"/>
        </w:rPr>
        <w:t>16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f8fffffff57800000016f5ffffffffffffffffffffffffffffffffffffffffff490023ffffffffffffffffffff230000c0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490000e6ffffffffffffffffffe60000ffffffffffffffffffffffffffffffffffffffffffa2000000000023f8f8</w:t>
      </w:r>
      <w:r w:rsidRPr="00E163DE">
        <w:rPr>
          <w:rFonts w:ascii="Courier New" w:hAnsi="Courier New" w:cs="Courier New"/>
          <w:lang w:val="pt-BR"/>
        </w:rPr>
        <w:t>39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69ffffffffffffffffffffffffa23900000000000000000000000000000000000000000000000000001669e6ffffffffffffffffff94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23497816000000000069ffffffffffffffffffffffffffffffffffffffffff780094ffffffffffffffffffff780000c0ffffffffffffff</w:t>
      </w:r>
      <w:r w:rsidRPr="00E163DE">
        <w:rPr>
          <w:rFonts w:ascii="Courier New" w:hAnsi="Courier New" w:cs="Courier New"/>
          <w:lang w:val="pt-BR"/>
        </w:rPr>
        <w:t>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590039ffffffffffffffffffffff3900fffffffffffffffffffffffffffffffffffffffff5160000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8ffffffffffffffffffffff6900002349000000000000000000000000000000000000000000000000000039ffffffffffffffffffe600</w:t>
      </w:r>
      <w:r w:rsidRPr="00E163DE">
        <w:rPr>
          <w:rFonts w:ascii="Courier New" w:hAnsi="Courier New" w:cs="Courier New"/>
          <w:lang w:val="pt-BR"/>
        </w:rPr>
        <w:t>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c0ffffffffffffffffffffffffffffffffffffffff5900e6ffffffffffffffffffffb20000f5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80078ffffffffffffffffffffff9400d7ffffffffffffffffffffffffffffffffffffff940000000000000000000000</w:t>
      </w:r>
      <w:r w:rsidRPr="00E163DE">
        <w:rPr>
          <w:rFonts w:ascii="Courier New" w:hAnsi="Courier New" w:cs="Courier New"/>
          <w:lang w:val="pt-BR"/>
        </w:rPr>
        <w:t>0000000000000078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d778ffffffc00016c0fffff5230016f89416000023160000006949000069d7690016d7f53900c0ffa2a2ffffffffffa2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23ffffffffffffffffffffffffffffffffffffffff4939fffffffffffffffffffffff50000ffffffffffffffffffff</w:t>
      </w:r>
      <w:r w:rsidRPr="00E163DE">
        <w:rPr>
          <w:rFonts w:ascii="Courier New" w:hAnsi="Courier New" w:cs="Courier New"/>
          <w:lang w:val="pt-BR"/>
        </w:rPr>
        <w:t>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800b2fffffffffffffffffffffff500c0ffffffffffffffffffffffffffffffffffffff5900000000000000000000000000000000000000f8fffff5a2164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80078fffff5490039d7ffa20016b2ffa20016d7ff690059ffd71600d7ffff4900c0fff800f8f5ffffb216000000</w:t>
      </w:r>
      <w:r w:rsidRPr="00E163DE">
        <w:rPr>
          <w:rFonts w:ascii="Courier New" w:hAnsi="Courier New" w:cs="Courier New"/>
          <w:lang w:val="pt-BR"/>
        </w:rPr>
        <w:t>00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f5ffffffffffffffffffffffffffffffffffffff4994ffffffffffffffffffffffff4900ffffffffffffffffffffffffffffffffffffffffffffffffa200e6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59c0ffffffffffffffffffffffffffffffffffffff3900000000000000000000000000</w:t>
      </w:r>
      <w:r w:rsidRPr="00E163DE">
        <w:rPr>
          <w:rFonts w:ascii="Courier New" w:hAnsi="Courier New" w:cs="Courier New"/>
          <w:lang w:val="pt-BR"/>
        </w:rPr>
        <w:t>00000000000000003900000049ffffffc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16c0a2160039f5fff80016d7ffa20000d7ffa20023f5ff390094ffffa20016f5ff690000000000000000000000000000000000000000000000000000c0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16f5ffffffffffffffffffffffff6939ffffffffffffffffffffffff</w:t>
      </w:r>
      <w:r w:rsidRPr="00E163DE">
        <w:rPr>
          <w:rFonts w:ascii="Courier New" w:hAnsi="Courier New" w:cs="Courier New"/>
          <w:lang w:val="pt-BR"/>
        </w:rPr>
        <w:t>ffffffffffffffffffffffffe600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a294ffffffffffffffffffffffffffffffffffffff590000000000000000000000000000000000000000000000000049ffffffff16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b2d7690016d7ffa20000a2ffa20000d7ff6900004959230000f8ffff49000000000000000000000000</w:t>
      </w:r>
      <w:r w:rsidRPr="00E163DE">
        <w:rPr>
          <w:rFonts w:ascii="Courier New" w:hAnsi="Courier New" w:cs="Courier New"/>
          <w:lang w:val="pt-BR"/>
        </w:rPr>
        <w:t>0000000000000000000000000000e6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59fffffffffffffffffffffffffff878ffffffffffffffffffffffffffffffffffffffffffffffffff39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594ffffffffffffffffffffffffffffffffffffff94000000000000000000000000000000</w:t>
      </w:r>
      <w:r w:rsidRPr="00E163DE">
        <w:rPr>
          <w:rFonts w:ascii="Courier New" w:hAnsi="Courier New" w:cs="Courier New"/>
          <w:lang w:val="pt-BR"/>
        </w:rPr>
        <w:t>0000000000000000000049ffffffffe6f8000023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69690000167878000000231600001600000000a2ffffff780000000000000000000000000000000000000000000000000023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c0c0e6ffffffffa2ffffffffffffffffffffffffff94b2ffffffffffffffffffffffffffff</w:t>
      </w:r>
      <w:r w:rsidRPr="00E163DE">
        <w:rPr>
          <w:rFonts w:ascii="Courier New" w:hAnsi="Courier New" w:cs="Courier New"/>
          <w:lang w:val="pt-BR"/>
        </w:rPr>
        <w:t>ffffffffffffffffffffff94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5ffd769160000003969e6ffffffffffffffffffe60000000000000000000000000000000000000000000000000049ffffffffffc00000ffa259f869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5923000023d7ffd7c03900c0fffffff80000000000000000000000000000</w:t>
      </w:r>
      <w:r w:rsidRPr="00E163DE">
        <w:rPr>
          <w:rFonts w:ascii="Courier New" w:hAnsi="Courier New" w:cs="Courier New"/>
          <w:lang w:val="pt-BR"/>
        </w:rPr>
        <w:t>0000000000000000000000f8ffffffffffffffffffe67823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3994f5ffffffffffffffffffffffffffffffc0e6ffffffffffffffffffffffffffffffffffffffffffffffffffffffffffffffffffffffffffffffffff78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49f5fffffffffffffffff800000000000000000000000000000000</w:t>
      </w:r>
      <w:r w:rsidRPr="00E163DE">
        <w:rPr>
          <w:rFonts w:ascii="Courier New" w:hAnsi="Courier New" w:cs="Courier New"/>
          <w:lang w:val="pt-BR"/>
        </w:rPr>
        <w:t>000000000000000069ffffffffffe60000f5ffffffff23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f8e6ffffe60039ffffffff780094ffffffa200000000000000000000000000000000000000000000000039fffffffffffffffff5780000000000000000003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d7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5590000006994c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a27816000016c0ffffffffffffffff940000000000000000000000000000000000000000000000a2ffffffffffff23002369e6ffff780000000000000023f8a2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23005994ffffb20039fffffff516000000000000000000000000000000</w:t>
      </w:r>
      <w:r w:rsidRPr="00E163DE">
        <w:rPr>
          <w:rFonts w:ascii="Courier New" w:hAnsi="Courier New" w:cs="Courier New"/>
          <w:lang w:val="pt-BR"/>
        </w:rPr>
        <w:t>0000000000000078f5fffffffffffffff53900000059a2c0c0942300000094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539000049f5fffffffffff56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c0fffffffffffffffff59478496994c000000000000000000000</w:t>
      </w:r>
      <w:r w:rsidRPr="00E163DE">
        <w:rPr>
          <w:rFonts w:ascii="Courier New" w:hAnsi="Courier New" w:cs="Courier New"/>
          <w:lang w:val="pt-BR"/>
        </w:rPr>
        <w:t>000000000023ffffffffffffffd7390000a2ffffd700000000000000000000ffff78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f5fff50000ffffffff69000000000000000000000000000000f8b278497894e6ffffffffffffffffff39000049e6ffffffffffffa216000094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78000069fffffffffffffffffff8000016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d7fffffffffffffffffffffffffff8000000000000000000000000000000b2ffffffffffffffffff7800f8ffffff23000000000000000039ffffff230039f5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b20000fffffffff539000000000000000000000000000039ff</w:t>
      </w:r>
      <w:r w:rsidRPr="00E163DE">
        <w:rPr>
          <w:rFonts w:ascii="Courier New" w:hAnsi="Courier New" w:cs="Courier New"/>
          <w:lang w:val="pt-BR"/>
        </w:rPr>
        <w:t>ffffffffffffffffffffffffff69000069ffffffffffffffffffd7160016e6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c0000059ffffffffffffffffffffffa2000023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52300000000000000c039000000</w:t>
      </w:r>
      <w:r w:rsidRPr="00E163DE">
        <w:rPr>
          <w:rFonts w:ascii="Courier New" w:hAnsi="Courier New" w:cs="Courier New"/>
          <w:lang w:val="pt-BR"/>
        </w:rPr>
        <w:t>0016a2fffffffffffffffffffff800f8ffffff780000000000000000a2ffff690016f5ffe61600a2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5390000000016f84900000000000000b2ffffffffffffffffffffffff78000069ffffffffffffffffffffffd7000049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230016f5ffffffffffffffffffffffff780000f8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490000000000000000ffffa2f8f894f5ffffffffffffffffffffc04900f8fffffffffffff5c0946916000069780016d7ffffc00000c0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e6b2f8d7ffff490000000000000016f5ff</w:t>
      </w:r>
      <w:r w:rsidRPr="00E163DE">
        <w:rPr>
          <w:rFonts w:ascii="Courier New" w:hAnsi="Courier New" w:cs="Courier New"/>
          <w:lang w:val="pt-BR"/>
        </w:rPr>
        <w:t>ffffffffffffffffffd7000049fffffffffffffffffffffffffff80000a2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d70000f8fffffffffffffffffffffffffff5230000d7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69000000000000000000ffffffffffffff</w:t>
      </w:r>
      <w:r w:rsidRPr="00E163DE">
        <w:rPr>
          <w:rFonts w:ascii="Courier New" w:hAnsi="Courier New" w:cs="Courier New"/>
          <w:lang w:val="pt-BR"/>
        </w:rPr>
        <w:t>ffffffffffffffd74900000000f8fff559e6fffffffffffff59423000000b2ffffffff780069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49000000000000000039e6ffffffffffffffffff490000d7fffffffffffffffffffffffffff5230059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</w:t>
      </w:r>
      <w:r w:rsidRPr="00E163DE">
        <w:rPr>
          <w:rFonts w:ascii="Courier New" w:hAnsi="Courier New" w:cs="Courier New"/>
          <w:lang w:val="pt-BR"/>
        </w:rPr>
        <w:t>fffffffffffffffffffffffffffff80000f5f5a2f8495994d7ffffffffffffffc0000049ffffffffffffffe659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ffffffffffffffffffffffffffff690000594900f8ff690039f5fffffffffffffff5590049ffffffffffc00049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4900000000000000000016a2ff</w:t>
      </w:r>
      <w:r w:rsidRPr="00E163DE">
        <w:rPr>
          <w:rFonts w:ascii="Courier New" w:hAnsi="Courier New" w:cs="Courier New"/>
          <w:lang w:val="pt-BR"/>
        </w:rPr>
        <w:t>ffffffffffffa2000078ffffffffffffffe69449494959b2ff780016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390049690000000000000069f5ffffffffffff49000069b2fffff5a269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23ffffffffffffffffff</w:t>
      </w:r>
      <w:r w:rsidRPr="00E163DE">
        <w:rPr>
          <w:rFonts w:ascii="Courier New" w:hAnsi="Courier New" w:cs="Courier New"/>
          <w:lang w:val="pt-BR"/>
        </w:rPr>
        <w:t>fffffffff51600d7ffffffff7800000039ffffffffffffffffffb2e6ffffffffffc00049ffffffffffffffffffffffffff78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2378c0d7ffe694160016f5ffffffffffff940000000000000023780000b2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</w:t>
      </w:r>
      <w:r w:rsidRPr="00E163DE">
        <w:rPr>
          <w:rFonts w:ascii="Courier New" w:hAnsi="Courier New" w:cs="Courier New"/>
          <w:lang w:val="pt-BR"/>
        </w:rPr>
        <w:t>ffffffffffffffffffffffff000000000000234923000016f5ffffffffffffc0000000000000000000000000000000000000000069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a20039ffff4949490000b22300394949d7fffffffffffffffffffffffff80069ffffffffffffffffffffffffff94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</w:t>
      </w:r>
      <w:r w:rsidRPr="00E163DE">
        <w:rPr>
          <w:rFonts w:ascii="Courier New" w:hAnsi="Courier New" w:cs="Courier New"/>
          <w:lang w:val="pt-BR"/>
        </w:rPr>
        <w:t>000000000000f8fffffffffffffff80000234949230000000000f8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50000000069e6ffffff000069ffffffffffffffff490000000000000000000000000000000000000094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</w:t>
      </w:r>
      <w:r w:rsidRPr="00E163DE">
        <w:rPr>
          <w:rFonts w:ascii="Courier New" w:hAnsi="Courier New" w:cs="Courier New"/>
          <w:lang w:val="pt-BR"/>
        </w:rPr>
        <w:t>ffff390094fff50000000094ffd70000000078fffffffffffffffffffffff51600a2ffffffffffffffffffffffffffc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00000016f5fffffffffffffff5000094ffffffc059000000f8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</w:t>
      </w:r>
      <w:r w:rsidRPr="00E163DE">
        <w:rPr>
          <w:rFonts w:ascii="Courier New" w:hAnsi="Courier New" w:cs="Courier New"/>
          <w:lang w:val="pt-BR"/>
        </w:rPr>
        <w:t>ffffffffffffffffffc0000059e6ffffffffd70000d7ffffffffffffffffd700000000000000000000000000000000000000d7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d70000f5ff780016c0c0ffffffd7b2490023ffffffffffffffffffffff940000f5ffffffffffffffffffffffffffff16000000000000000000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</w:t>
      </w:r>
      <w:r w:rsidRPr="00E163DE">
        <w:rPr>
          <w:rFonts w:ascii="Courier New" w:hAnsi="Courier New" w:cs="Courier New"/>
          <w:lang w:val="pt-BR"/>
        </w:rPr>
        <w:t>00000094ffffffffffffffffff3900f8ffffffffff940000f8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c000f8ffffffffffff940000fffffffffffffffffffff8000000000000000000000000000000000016ffffffffffffffffffffffffff78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69ffe60000a2ffffffffffffffe60000f8ffffffffffffffffffffff690059fffffffffffffffffffffffffffff800000000000000000000000000000000003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80049ffffffffffffd73959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d7c0fffffffffffffff80016ffffffffffffffc0f849390000000000000000000000000000000000f8ffffffffffffffffffffffffff1600b2ff69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23fffff869494978b2fff80016494949494949494949a2fff50000fffffffffffffffffffffffffffff5160000000000000000000000000000000000</w:t>
      </w:r>
      <w:r w:rsidRPr="00E163DE">
        <w:rPr>
          <w:rFonts w:ascii="Courier New" w:hAnsi="Courier New" w:cs="Courier New"/>
          <w:lang w:val="pt-BR"/>
        </w:rPr>
        <w:t>2349f8e6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80039fffffffffffffff5b2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80016ffffffffffb249000000000000000000000000000000000000000039ffffffffffffffffffffffffffa20023ffc0</w:t>
      </w:r>
      <w:r w:rsidRPr="00E163DE">
        <w:rPr>
          <w:rFonts w:ascii="Courier New" w:hAnsi="Courier New" w:cs="Courier New"/>
          <w:lang w:val="pt-BR"/>
        </w:rPr>
        <w:t>0000c0ffff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49fff51600000000000039494949a2ffff1600fffffffffffffffffffffffffffffff800000000000000000000000000000000000000000069e6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80039ff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b20000ffffffff690000002369a2c0940000000000000000000000000016d7ffffffffffffffffffffffffff490078ffc00000f5fff500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49ffff3900000000f8ffffffffffffffd70016ffffffffffffffffffffffffffffffff690000000000000000000000000069d7c0a259</w:t>
      </w:r>
      <w:r w:rsidRPr="00E163DE">
        <w:rPr>
          <w:rFonts w:ascii="Courier New" w:hAnsi="Courier New" w:cs="Courier New"/>
          <w:lang w:val="pt-BR"/>
        </w:rPr>
        <w:t>00000016d7ffffff59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59ffffffffffffffffffffffffffffffffffffffffffffffffffffffffffffffffffffffffffff78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c00000c0ffff59000023a2ffffffffffd7160000000000000000000023d7fffffffffffffffffffffffffff5000039f5ff2300</w:t>
      </w:r>
      <w:r w:rsidRPr="00E163DE">
        <w:rPr>
          <w:rFonts w:ascii="Courier New" w:hAnsi="Courier New" w:cs="Courier New"/>
          <w:lang w:val="pt-BR"/>
        </w:rPr>
        <w:t>69ffe6b2f80016c0c0ffc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78fff594f8f8f8f8591600a2fffffffffffffffffffffffffffffffffff80000000000000000000000f8ffffffffffe669000016b2ffff1600f8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23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69fff8000059f5fffffffffffffff5f8160000000000001678f5ffffffffffffffffffffffffffffffc0160016c0940023fffff5230000f8ffff690000000094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a20000000000000000f8e6ffffffffffffffffffffffffffffffffffb2390000000000000069e6ffffffffffffffff</w:t>
      </w:r>
      <w:r w:rsidRPr="00E163DE">
        <w:rPr>
          <w:rFonts w:ascii="Courier New" w:hAnsi="Courier New" w:cs="Courier New"/>
          <w:lang w:val="pt-BR"/>
        </w:rPr>
        <w:t>b2160023f5a20000d7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780000c016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69fffffffffffffffffffffff5b2f849f8f8a2f5ffffffffffffffffffffffffffffffffffffe6390000160039ff</w:t>
      </w:r>
      <w:r w:rsidRPr="00E163DE">
        <w:rPr>
          <w:rFonts w:ascii="Courier New" w:hAnsi="Courier New" w:cs="Courier New"/>
          <w:lang w:val="pt-BR"/>
        </w:rPr>
        <w:t>fff800000000e6fff80000000049fff594f8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8f8f8f849160016d7ffffffffffffffffffffffffffffffffffffe6a2f8f894c0ffffffffffffffffffffffffc0000078160049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e61600000023f5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69000016e6ffe60069c0c00049ffff590000000059c0d7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690023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800000000c0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94000000b2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c0000094ffff5900</w:t>
      </w:r>
      <w:r w:rsidRPr="00E163DE">
        <w:rPr>
          <w:rFonts w:ascii="Courier New" w:hAnsi="Courier New" w:cs="Courier New"/>
          <w:lang w:val="pt-BR"/>
        </w:rPr>
        <w:t>f8ffff0000a2fff5000000000000000000000094ffffff39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b2ffffffffffffffffffffffffffffffffffffffffffffffffffffffffffffffffffffffffff23000049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490023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230059ffc00000f8ffff490016f5f8000000001649494949490000000000000078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78</w:t>
      </w:r>
      <w:r w:rsidRPr="00E163DE">
        <w:rPr>
          <w:rFonts w:ascii="Courier New" w:hAnsi="Courier New" w:cs="Courier New"/>
          <w:lang w:val="pt-BR"/>
        </w:rPr>
        <w:t>0039f5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6969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c00000c0ffffffffff</w:t>
      </w:r>
      <w:r w:rsidRPr="00E163DE">
        <w:rPr>
          <w:rFonts w:ascii="Courier New" w:hAnsi="Courier New" w:cs="Courier New"/>
          <w:lang w:val="pt-BR"/>
        </w:rPr>
        <w:t>ffffffffe6160000000049ffffffffffc049000000000049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b239f5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d7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690039fffffffffffffffffff8000000000049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5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c00049f594c0e6fff5c0</w:t>
      </w:r>
      <w:r w:rsidRPr="00E163DE">
        <w:rPr>
          <w:rFonts w:ascii="Courier New" w:hAnsi="Courier New" w:cs="Courier New"/>
          <w:lang w:val="pt-BR"/>
        </w:rPr>
        <w:t>94e6f8000000000049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c0002323000000000000001639000000000049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c00000000000000000000000</w:t>
      </w:r>
      <w:r w:rsidRPr="00E163DE">
        <w:rPr>
          <w:rFonts w:ascii="Courier New" w:hAnsi="Courier New" w:cs="Courier New"/>
          <w:lang w:val="pt-BR"/>
        </w:rPr>
        <w:t>00000000000049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80049a2e6fff5690000000000000000000049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94c0ffffffffff78000000c0ffff</w:t>
      </w:r>
      <w:r w:rsidRPr="00E163DE">
        <w:rPr>
          <w:rFonts w:ascii="Courier New" w:hAnsi="Courier New" w:cs="Courier New"/>
          <w:lang w:val="pt-BR"/>
        </w:rPr>
        <w:t>ff00000049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a200000000c0ffffff00000000f8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b2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00000000c0ffffff00</w:t>
      </w:r>
      <w:r w:rsidRPr="00E163DE">
        <w:rPr>
          <w:rFonts w:ascii="Courier New" w:hAnsi="Courier New" w:cs="Courier New"/>
          <w:lang w:val="pt-BR"/>
        </w:rPr>
        <w:t>0000000078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800000000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0078ffffa2000000000049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8000000000016d7d7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23000000</w:t>
      </w:r>
      <w:r w:rsidRPr="00E163DE">
        <w:rPr>
          <w:rFonts w:ascii="Courier New" w:hAnsi="Courier New" w:cs="Courier New"/>
          <w:lang w:val="pt-BR"/>
        </w:rPr>
        <w:t>000049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fffffffffffffffffffffffffffff</w:t>
      </w:r>
    </w:p>
    <w:p w:rsidR="00000000" w:rsidRPr="00E163DE" w:rsidRDefault="00A0729A" w:rsidP="000708CC">
      <w:pPr>
        <w:pStyle w:val="PlainText"/>
        <w:rPr>
          <w:rFonts w:ascii="Courier New" w:hAnsi="Courier New" w:cs="Courier New"/>
          <w:lang w:val="pt-BR"/>
        </w:rPr>
      </w:pPr>
      <w:r w:rsidRPr="00E163DE">
        <w:rPr>
          <w:rFonts w:ascii="Courier New" w:hAnsi="Courier New" w:cs="Courier New"/>
          <w:lang w:val="pt-BR"/>
        </w:rPr>
        <w:t>ffff</w:t>
      </w:r>
      <w:r w:rsidRPr="00E163DE">
        <w:rPr>
          <w:rFonts w:ascii="Courier New" w:hAnsi="Courier New" w:cs="Courier New"/>
          <w:lang w:val="pt-BR"/>
        </w:rPr>
        <w:t>fffffffffffffffffffffffffffffffffffffffffffffffffffffffffffffffffffffffffffffffffffffffffffffffffff8000000000000161600000000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000049ffffffffffffffffffffffffffffffffffffffffffffffffffffffffffffffffffffffffffffffffffffffffffffffffffffffffffffffffffffffffff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ffffffffffffffffffffffffffffffffffffffffffffffffffffffffffffffffffffffffffffffffffffffffffffffffffffffffffffffffffffffffffffffff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fffffffffffffffffffffffffffffffffffffffffffffffffffffffffffffffffffffffffffffffffffffffffffffff8000000000000000000000000000049</w:t>
      </w:r>
      <w:r w:rsidRPr="000708CC">
        <w:rPr>
          <w:rFonts w:ascii="Courier New" w:hAnsi="Courier New" w:cs="Courier New"/>
        </w:rPr>
        <w:t>ff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ffffffffffffffffffffffffffffffffffffffffffffffffffffffffffffffffffffffffffffffffffffffffffffffffffffffffffffffffffffffffffffffff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ffffffffffffffffffffffffffffffffffffffffffffffffffffffffffffffffffffffffffffffffffffffffffffffffffffffffffffffffffffffffff</w:t>
      </w:r>
      <w:r w:rsidRPr="000708CC">
        <w:rPr>
          <w:rFonts w:ascii="Courier New" w:hAnsi="Courier New" w:cs="Courier New"/>
        </w:rPr>
        <w:t>ffffff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fffffffffffffffffffffffffffffffffffffffffffffffffffffffffffffffffffffffffffffffffffffff8000000000000000000000000000049ffffffffff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ffffffffffffffffffffffffffffffffffffffffffffffffffffffffffffffffffffffffffffffffffffffffffffffffffffffffffffffffffffff</w:t>
      </w:r>
      <w:r w:rsidRPr="000708CC">
        <w:rPr>
          <w:rFonts w:ascii="Courier New" w:hAnsi="Courier New" w:cs="Courier New"/>
        </w:rPr>
        <w:t>ffffffffff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ffffffffffffffffffffffffffffffffffffffffffffffffffffffffffffffffffffffffffffffffffffffffffffffffffffffffffffffffffffffffffffffff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fffffffffffffffffffffffffffffffffffffffffffffffffffffffffffffffffffffffffffffff8000000000000000000000000000049ffff</w:t>
      </w:r>
      <w:r w:rsidRPr="000708CC">
        <w:rPr>
          <w:rFonts w:ascii="Courier New" w:hAnsi="Courier New" w:cs="Courier New"/>
        </w:rPr>
        <w:t>ffffffffffffff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ffffffffffffffffffffffffffffffffffffffffffffffffffffffffffffffffffffffffffffffffffffffffffffffffffffffffffffffffffffffffffffffff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ffffffffffffffffffffffffffffffffffffffff2d000000f7000003140000000000800000000080000080800000000080008000800000</w:t>
      </w:r>
      <w:r w:rsidRPr="000708CC">
        <w:rPr>
          <w:rFonts w:ascii="Courier New" w:hAnsi="Courier New" w:cs="Courier New"/>
        </w:rPr>
        <w:t>808000c0c0c000c0dc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c000a6caf000fffbf000a0a0a40080808000ff00000000ff0000ffff00000000ff00ff00ff0000ffff00ffffff00040000003402010003000000000000000000000000000000000000000000000000000000000000000000000000000000000000000000000000000000000000000000000000000000</w:t>
      </w:r>
      <w:r w:rsidRPr="000708CC">
        <w:rPr>
          <w:rFonts w:ascii="Courier New" w:hAnsi="Courier New" w:cs="Courier New"/>
        </w:rPr>
        <w:t xml:space="preserve">00}}}}}{\f1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}{\lang1024\langfe1024\noproof\langnp1033 {\shp{\*\shpinst\shpleft8064\shptop2736\shpright10512\shpbottom3456\shpfhdr0\shpbxpage\shpbxignore\shpbypage\shpbyignore\shpwr3\shpwrk0\shpfblwtxt0\shpz1\shplid1027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{\sp{\sn shapeType}{\sv 1}}{\</w:t>
      </w:r>
      <w:r w:rsidRPr="000708CC">
        <w:rPr>
          <w:rFonts w:ascii="Courier New" w:hAnsi="Courier New" w:cs="Courier New"/>
        </w:rPr>
        <w:t>sp{\sn fFlipH}{\sv 0}}{\sp{\sn fFlipV}{\sv 0}}{\sp{\sn lTxid}{\sv 131072}}{\sp{\sn dxTextLeft}{\sv 0}}{\sp{\sn dyTextTop}{\sv 0}}{\sp{\sn dxTextRight}{\sv 0}}{\sp{\sn dyTextBottom}{\sv 0}}{\sp{\sn hspNext}{\sv 1027}}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{\sp{\sn fFilled}{\sv 0}}{\sp{\sn line</w:t>
      </w:r>
      <w:r w:rsidRPr="000708CC">
        <w:rPr>
          <w:rFonts w:ascii="Courier New" w:hAnsi="Courier New" w:cs="Courier New"/>
        </w:rPr>
        <w:t xml:space="preserve">Width}{\sv 0}}{\sp{\sn fLine}{\sv 0}}{\sp{\sn fShadow}{\sv 0}}{\sp{\sn posrelh}{\sv 1}}{\sp{\sn posrelv}{\sv 1}}{\sp{\sn fLayoutInCell}{\sv 0}}{\sp{\sn fLayoutInCell}{\sv 0}}{\shptxt \pard\plain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ql \li0\ri0\widctlpar\aspalpha\aspnum\faauto\adjustright\r</w:t>
      </w:r>
      <w:r w:rsidRPr="000708CC">
        <w:rPr>
          <w:rFonts w:ascii="Courier New" w:hAnsi="Courier New" w:cs="Courier New"/>
        </w:rPr>
        <w:t>in0\lin0\itap0 \fs24\lang2057\langfe1033\cgrid\langnp2057\langfenp1033 {\f1\fs16 London EC2N 1HP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Telephone 020 7797 1000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www.londonstockexchange.com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}}}{\shprslt{\*\do\dobxpage\dobypage\dodhgt8193\dptxbx\dptxlrtb{\dptxbxtext\pard\plain \q</w:t>
      </w:r>
      <w:r w:rsidRPr="000708CC">
        <w:rPr>
          <w:rFonts w:ascii="Courier New" w:hAnsi="Courier New" w:cs="Courier New"/>
        </w:rPr>
        <w:t>l \li0\ri0\widctlpar\aspalpha\aspnum\faauto\adjustright\rin0\lin0\itap0 \fs24\lang2057\langfe1033\cgrid\langnp2057\langfenp1033 {\f1\fs16 London EC2N 1HP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Telephone 020 7797 1000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www.londonstockexchange.com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}}\dpx8064\dpy2736\dpxsize2448\d</w:t>
      </w:r>
      <w:r w:rsidRPr="000708CC">
        <w:rPr>
          <w:rFonts w:ascii="Courier New" w:hAnsi="Courier New" w:cs="Courier New"/>
        </w:rPr>
        <w:t xml:space="preserve">pysize720\dpfillfgcr255\dpfillfgcg255\dpfillfgcb255\dpfillbgcr255\dpfillbgcg255\dpfillbgcb255\dpfillpat0\dplinehollow}}}}{\f1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 xml:space="preserve">\par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 xml:space="preserve">\par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 xml:space="preserve">\par }{\b\f1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18 November 2003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 xml:space="preserve">\par }{\f1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}\pard \qc \li0\ri0\widctlpar\aspalpha\aspnum\faauto\outli</w:t>
      </w:r>
      <w:r w:rsidRPr="000708CC">
        <w:rPr>
          <w:rFonts w:ascii="Courier New" w:hAnsi="Courier New" w:cs="Courier New"/>
        </w:rPr>
        <w:t>nelevel0\adjustright\rin0\lin0\itap0 {\b\f1 Service Announcement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 xml:space="preserve">\par }\pard \qc \li0\ri0\widctlpar\aspalpha\aspnum\faauto\adjustright\rin0\lin0\itap0 {\b\f1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}\pard \qc \li0\ri0\widctlpar\aspalpha\aspnum\faauto\outlinelevel0\adjustright\rin0\lin0\i</w:t>
      </w:r>
      <w:r w:rsidRPr="000708CC">
        <w:rPr>
          <w:rFonts w:ascii="Courier New" w:hAnsi="Courier New" w:cs="Courier New"/>
        </w:rPr>
        <w:t>tap0 {\b\f1 Customer Development Service (CDS)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 xml:space="preserve">\par }\pard \qc \li0\ri0\widctlpar\aspalpha\aspnum\faauto\adjustright\rin0\lin0\itap0 {\b\f1\fs28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}\pard\plain \s16\qj \li0\ri0\widctlpar\faauto\adjustright\rin0\lin0\itap0 \f1\fs24\lang2057\langfe1033</w:t>
      </w:r>
      <w:r w:rsidRPr="000708CC">
        <w:rPr>
          <w:rFonts w:ascii="Courier New" w:hAnsi="Courier New" w:cs="Courier New"/>
        </w:rPr>
        <w:t xml:space="preserve">\cgrid\langnp2057\langfenp1033 {\fs20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 xml:space="preserve">\par }\pard\plain \ql \li0\ri0\sl240\slmult0\widctlpar\faauto\rin0\lin0\itap0 \fs24\lang2057\langfe1033\cgrid\langnp2057\langfenp1033 {\f1\cf1\lang1033\langfe1033\langnp1033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This service announcement is to advise t</w:t>
      </w:r>
      <w:r w:rsidRPr="000708CC">
        <w:rPr>
          <w:rFonts w:ascii="Courier New" w:hAnsi="Courier New" w:cs="Courier New"/>
        </w:rPr>
        <w:t>hat the effective date for updates to the Customer Development Service (CDS) as related in the Service Announcement Live 65/03 has been amended. The effective date for the following activities is now Thursday}{ }{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f1 20 November 2003}{\f1\cf1\lang1033\la</w:t>
      </w:r>
      <w:r w:rsidRPr="000708CC">
        <w:rPr>
          <w:rFonts w:ascii="Courier New" w:hAnsi="Courier New" w:cs="Courier New"/>
        </w:rPr>
        <w:t xml:space="preserve">ngfe1033\langnp1033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 xml:space="preserve">\par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 xml:space="preserve">\par {\listtext\pard\plain\f3\cf1 \loch\af3\dbch\af0\hich\f3 \'b7\tab}}\pard \ql \fi-360\li1080\ri0\sl240\slmult0\widctlpar\jclisttab\tx1080\faauto\ls1\rin0\lin1080\itap0 {\f1\cf1\lang1033\langfe1033\langnp1033 The creation of </w:t>
      </w:r>
      <w:r w:rsidRPr="000708CC">
        <w:rPr>
          <w:rFonts w:ascii="Courier New" w:hAnsi="Courier New" w:cs="Courier New"/>
        </w:rPr>
        <w:t>the new sector }{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 xml:space="preserve">\b\f1\cf1\lang1033\langfe1033\langnp1033 FE10}{\f1\cf1\lang1033\langfe1033\langnp1033 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{\listtext\pard\plain\f3\cf1 \loch\af3\dbch\af0\hich\f3 \'b7\tab}The addition of new period rules (SETS &amp; SETSmm)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{\listtext\pard\plain\f</w:t>
      </w:r>
      <w:r w:rsidRPr="000708CC">
        <w:rPr>
          <w:rFonts w:ascii="Courier New" w:hAnsi="Courier New" w:cs="Courier New"/>
        </w:rPr>
        <w:t xml:space="preserve">3\cf1 \loch\af3\dbch\af0\hich\f3 \'b7\tab}The revised default sector schedule for SETS &amp; SETSmm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{\listtext\pard\plain\f3\cf1 \loch\af3\dbch\af0\hich\f3 \'b7\tab}The movement of securities as listed in Live 65/03 Appendix A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}\pard \ql \li0\ri0\</w:t>
      </w:r>
      <w:r w:rsidRPr="000708CC">
        <w:rPr>
          <w:rFonts w:ascii="Courier New" w:hAnsi="Courier New" w:cs="Courier New"/>
        </w:rPr>
        <w:t xml:space="preserve">sl240\slmult0\widctlpar\faauto\rin0\lin0\itap0 {\f1\cf1\lang1033\langfe1033\langnp1033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}\pard\plain \s16\qj \li0\ri0\widctlpar\faauto\adjustright\rin0\lin0\itap0 \f1\fs24\lang2057\langfe1033\cgrid\langnp2057\langfenp1033 {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Please refer to Live 65/0</w:t>
      </w:r>
      <w:r w:rsidRPr="000708CC">
        <w:rPr>
          <w:rFonts w:ascii="Courier New" w:hAnsi="Courier New" w:cs="Courier New"/>
        </w:rPr>
        <w:t>3 for full details of these activities. To ensure your CDS database is up to date, please take a full reference data download on Thursday 20 November 2003.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 xml:space="preserve">\par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}\pard \s16\ql \li0\ri0\widctlpar\faauto\adjustright\rin0\lin0\itap0 {\field{\*\fldinst</w:t>
      </w:r>
      <w:r w:rsidRPr="000708CC">
        <w:rPr>
          <w:rFonts w:ascii="Courier New" w:hAnsi="Courier New" w:cs="Courier New"/>
        </w:rPr>
        <w:t xml:space="preserve"> { HYPERLINK "http://www.londonstockexchange.com/techlib/ser/recent.asp" }{{\*\datafield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00d0c9ea79f9bace118c8200aa004ba90b02000000170000003a00000068007400740070003a002f002f007700770077002e006c006f006e0064006f006e00730074006f0063006b006500780063006800610</w:t>
      </w:r>
      <w:r w:rsidRPr="000708CC">
        <w:rPr>
          <w:rFonts w:ascii="Courier New" w:hAnsi="Courier New" w:cs="Courier New"/>
        </w:rPr>
        <w:t>06e00670065002e0063006f006d002f0074006500630068006c00690062002f007300650072002f0072006500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630065006e0074002e006100730070000000e0c9ea79f9bace118c8200aa004ba90b7400000068007400740070003a002f002f007700770077002e006c006f006e0064006f006e00730074006f0063006b006</w:t>
      </w:r>
      <w:r w:rsidRPr="000708CC">
        <w:rPr>
          <w:rFonts w:ascii="Courier New" w:hAnsi="Courier New" w:cs="Courier New"/>
        </w:rPr>
        <w:t>50078006300680061006e00670065002e0063006f006d002f0074006500630068006c00690062002f00730065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0072002f0072006500630065006e0074002e006100730070000000}}}{\fldrslt {\cs17\ul\cf2 http://www.londonstockexchange.com/techlib/ser/recent.asp}}}{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 xml:space="preserve">\par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}\pard\pl</w:t>
      </w:r>
      <w:r w:rsidRPr="000708CC">
        <w:rPr>
          <w:rFonts w:ascii="Courier New" w:hAnsi="Courier New" w:cs="Courier New"/>
        </w:rPr>
        <w:t xml:space="preserve">ain \ql \li0\ri0\widctlpar\aspalpha\aspnum\faauto\adjustright\rin0\lin0\itap0 \fs24\lang2057\langfe1033\cgrid\langnp2057\langfenp1033 {\b\f1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}\pard \ql \li0\ri0\widctlpar\aspalpha\aspnum\faauto\outlinelevel0\adjustright\rin0\lin0\itap0 {\b\f1 Additi</w:t>
      </w:r>
      <w:r w:rsidRPr="000708CC">
        <w:rPr>
          <w:rFonts w:ascii="Courier New" w:hAnsi="Courier New" w:cs="Courier New"/>
        </w:rPr>
        <w:t>onal Information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 xml:space="preserve">\par }\pard \ql \li0\ri0\widctlpar\aspalpha\aspnum\faauto\adjustright\rin0\lin0\itap0 {\b\f1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 xml:space="preserve">\par }\pard\plain \s16\ql \li0\ri0\widctlpar\faauto\adjustright\rin0\lin0\itap0 \f1\fs24\lang2057\langfe1033\cgrid\langnp2057\langfenp1033 {If </w:t>
      </w:r>
      <w:r w:rsidRPr="000708CC">
        <w:rPr>
          <w:rFonts w:ascii="Courier New" w:hAnsi="Courier New" w:cs="Courier New"/>
        </w:rPr>
        <w:t>you have any queries about this announcement please contact your account manager or the Technical Information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 xml:space="preserve"> Desk on 020 7797 3939 (STX 33939).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}\pard\plain \ql \li0\ri0\widctlpar\aspalpha\aspnum\faauto\adjustright\rin0\lin0\itap0 \fs24\lang2057\l</w:t>
      </w:r>
      <w:r w:rsidRPr="000708CC">
        <w:rPr>
          <w:rFonts w:ascii="Courier New" w:hAnsi="Courier New" w:cs="Courier New"/>
        </w:rPr>
        <w:t xml:space="preserve">angfe1033\cgrid\langnp2057\langfenp1033 {\f1\cf1\cgrid0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}{\f1 An archive of previously issued service announcements is available in the technical library section of the Exchange's Internet site (}{\cs17\f1\ul\cf2 http://www.londonstockexchange.com/t</w:t>
      </w:r>
      <w:r w:rsidRPr="000708CC">
        <w:rPr>
          <w:rFonts w:ascii="Courier New" w:hAnsi="Courier New" w:cs="Courier New"/>
        </w:rPr>
        <w:t>echlib}{\f1 ).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 xml:space="preserve">\par }\pard\plain \s16\qj \li0\ri0\widctlpar\faauto\adjustright\rin0\lin0\itap0 \f1\fs24\lang2057\langfe1033\cgrid\langnp2057\langfenp1033 {\fs20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 xml:space="preserve">\par }\pard\plain \ql \li0\ri0\widctlpar\aspalpha\aspnum\faauto\adjustright\rin0\lin0\itap0 </w:t>
      </w:r>
      <w:r w:rsidRPr="000708CC">
        <w:rPr>
          <w:rFonts w:ascii="Courier New" w:hAnsi="Courier New" w:cs="Courier New"/>
        </w:rPr>
        <w:t xml:space="preserve">\fs24\lang2057\langfe1033\cgrid\langnp2057\langfenp1033 {\b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 xml:space="preserve">\par }\pard \qj \li0\ri0\sl240\slmult0\widctlpar\aspalpha\aspnum\faauto\adjustright\rin0\lin0\itap0 {\f1\cf1\cgrid0 </w:t>
      </w:r>
    </w:p>
    <w:p w:rsidR="00000000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}\pard \ql \li0\ri0\widctlpar\aspalpha\aspnum\faauto\adjustright\rin0\l</w:t>
      </w:r>
      <w:r w:rsidRPr="000708CC">
        <w:rPr>
          <w:rFonts w:ascii="Courier New" w:hAnsi="Courier New" w:cs="Courier New"/>
        </w:rPr>
        <w:t>in0\itap0 {</w:t>
      </w:r>
    </w:p>
    <w:p w:rsidR="00A0729A" w:rsidRPr="000708CC" w:rsidRDefault="00A0729A" w:rsidP="000708CC">
      <w:pPr>
        <w:pStyle w:val="PlainText"/>
        <w:rPr>
          <w:rFonts w:ascii="Courier New" w:hAnsi="Courier New" w:cs="Courier New"/>
        </w:rPr>
      </w:pPr>
      <w:r w:rsidRPr="000708CC">
        <w:rPr>
          <w:rFonts w:ascii="Courier New" w:hAnsi="Courier New" w:cs="Courier New"/>
        </w:rPr>
        <w:t>\par }}</w:t>
      </w:r>
    </w:p>
    <w:sectPr w:rsidR="00A0729A" w:rsidRPr="000708CC" w:rsidSect="000708CC">
      <w:pgSz w:w="11906" w:h="16838"/>
      <w:pgMar w:top="1440" w:right="1335" w:bottom="1440" w:left="1334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A0729A" w:rsidRDefault="00A0729A" w:rsidP="00B555E4">
      <w:pPr>
        <w:spacing w:after="0" w:line="240" w:lineRule="auto"/>
      </w:pPr>
      <w:r>
        <w:separator/>
      </w:r>
    </w:p>
  </w:endnote>
  <w:endnote w:type="continuationSeparator" w:id="0">
    <w:p w:rsidR="00A0729A" w:rsidRDefault="00A0729A" w:rsidP="00B555E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DengXian Light">
    <w:altName w:val="等线 Light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A0729A" w:rsidRDefault="00A0729A" w:rsidP="00B555E4">
      <w:pPr>
        <w:spacing w:after="0" w:line="240" w:lineRule="auto"/>
      </w:pPr>
      <w:r>
        <w:separator/>
      </w:r>
    </w:p>
  </w:footnote>
  <w:footnote w:type="continuationSeparator" w:id="0">
    <w:p w:rsidR="00A0729A" w:rsidRDefault="00A0729A" w:rsidP="00B555E4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6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25BF3"/>
    <w:rsid w:val="000708CC"/>
    <w:rsid w:val="00625BF3"/>
    <w:rsid w:val="008E4997"/>
    <w:rsid w:val="00A0729A"/>
    <w:rsid w:val="00B555E4"/>
    <w:rsid w:val="00E163D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chartTrackingRefBased/>
  <w15:docId w15:val="{7A530788-EEAA-43C4-AAC6-1F90341A5B3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en-GB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uiPriority="39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PlainText">
    <w:name w:val="Plain Text"/>
    <w:basedOn w:val="Normal"/>
    <w:link w:val="PlainTextChar"/>
    <w:uiPriority w:val="99"/>
    <w:unhideWhenUsed/>
    <w:rsid w:val="000708CC"/>
    <w:pPr>
      <w:spacing w:after="0" w:line="240" w:lineRule="auto"/>
    </w:pPr>
    <w:rPr>
      <w:rFonts w:ascii="Consolas" w:hAnsi="Consolas"/>
      <w:sz w:val="21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rsid w:val="000708CC"/>
    <w:rPr>
      <w:rFonts w:ascii="Consolas" w:hAnsi="Consolas"/>
      <w:sz w:val="21"/>
      <w:szCs w:val="21"/>
    </w:rPr>
  </w:style>
  <w:style w:type="paragraph" w:styleId="Header">
    <w:name w:val="header"/>
    <w:basedOn w:val="Normal"/>
    <w:link w:val="HeaderChar"/>
    <w:uiPriority w:val="99"/>
    <w:unhideWhenUsed/>
    <w:rsid w:val="00B555E4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B555E4"/>
  </w:style>
  <w:style w:type="paragraph" w:styleId="Footer">
    <w:name w:val="footer"/>
    <w:basedOn w:val="Normal"/>
    <w:link w:val="FooterChar"/>
    <w:uiPriority w:val="99"/>
    <w:unhideWhenUsed/>
    <w:rsid w:val="00B555E4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B555E4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1</Pages>
  <Words>32366</Words>
  <Characters>184487</Characters>
  <Application>Microsoft Office Word</Application>
  <DocSecurity>0</DocSecurity>
  <Lines>1537</Lines>
  <Paragraphs>432</Paragraphs>
  <ScaleCrop>false</ScaleCrop>
  <Company/>
  <LinksUpToDate>false</LinksUpToDate>
  <CharactersWithSpaces>21642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erera, Gayan</dc:creator>
  <cp:keywords/>
  <dc:description/>
  <cp:lastModifiedBy>Perera, Gayan</cp:lastModifiedBy>
  <cp:revision>2</cp:revision>
  <dcterms:created xsi:type="dcterms:W3CDTF">2020-09-02T09:13:00Z</dcterms:created>
  <dcterms:modified xsi:type="dcterms:W3CDTF">2020-09-02T09:13:00Z</dcterms:modified>
</cp:coreProperties>
</file>